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2AD12A12" w14:textId="73144B69" w:rsidR="00435C28"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66110011" w:history="1">
            <w:r w:rsidR="00435C28" w:rsidRPr="00FE5CAF">
              <w:rPr>
                <w:rStyle w:val="Hyperlink"/>
                <w:noProof/>
              </w:rPr>
              <w:t>framework:</w:t>
            </w:r>
            <w:r w:rsidR="00435C28">
              <w:rPr>
                <w:noProof/>
                <w:webHidden/>
              </w:rPr>
              <w:tab/>
            </w:r>
            <w:r w:rsidR="00435C28">
              <w:rPr>
                <w:noProof/>
                <w:webHidden/>
              </w:rPr>
              <w:fldChar w:fldCharType="begin"/>
            </w:r>
            <w:r w:rsidR="00435C28">
              <w:rPr>
                <w:noProof/>
                <w:webHidden/>
              </w:rPr>
              <w:instrText xml:space="preserve"> PAGEREF _Toc66110011 \h </w:instrText>
            </w:r>
            <w:r w:rsidR="00435C28">
              <w:rPr>
                <w:noProof/>
                <w:webHidden/>
              </w:rPr>
            </w:r>
            <w:r w:rsidR="00435C28">
              <w:rPr>
                <w:noProof/>
                <w:webHidden/>
              </w:rPr>
              <w:fldChar w:fldCharType="separate"/>
            </w:r>
            <w:r w:rsidR="00435C28">
              <w:rPr>
                <w:noProof/>
                <w:webHidden/>
              </w:rPr>
              <w:t>2</w:t>
            </w:r>
            <w:r w:rsidR="00435C28">
              <w:rPr>
                <w:noProof/>
                <w:webHidden/>
              </w:rPr>
              <w:fldChar w:fldCharType="end"/>
            </w:r>
          </w:hyperlink>
        </w:p>
        <w:p w14:paraId="3547BF65" w14:textId="11548A91" w:rsidR="00435C28" w:rsidRDefault="00435C28">
          <w:pPr>
            <w:pStyle w:val="TOC1"/>
            <w:tabs>
              <w:tab w:val="right" w:leader="dot" w:pos="9350"/>
            </w:tabs>
            <w:rPr>
              <w:rFonts w:eastAsiaTheme="minorEastAsia"/>
              <w:noProof/>
            </w:rPr>
          </w:pPr>
          <w:hyperlink w:anchor="_Toc66110012" w:history="1">
            <w:r w:rsidRPr="00FE5CAF">
              <w:rPr>
                <w:rStyle w:val="Hyperlink"/>
                <w:noProof/>
              </w:rPr>
              <w:t>Web application:</w:t>
            </w:r>
            <w:r>
              <w:rPr>
                <w:noProof/>
                <w:webHidden/>
              </w:rPr>
              <w:tab/>
            </w:r>
            <w:r>
              <w:rPr>
                <w:noProof/>
                <w:webHidden/>
              </w:rPr>
              <w:fldChar w:fldCharType="begin"/>
            </w:r>
            <w:r>
              <w:rPr>
                <w:noProof/>
                <w:webHidden/>
              </w:rPr>
              <w:instrText xml:space="preserve"> PAGEREF _Toc66110012 \h </w:instrText>
            </w:r>
            <w:r>
              <w:rPr>
                <w:noProof/>
                <w:webHidden/>
              </w:rPr>
            </w:r>
            <w:r>
              <w:rPr>
                <w:noProof/>
                <w:webHidden/>
              </w:rPr>
              <w:fldChar w:fldCharType="separate"/>
            </w:r>
            <w:r>
              <w:rPr>
                <w:noProof/>
                <w:webHidden/>
              </w:rPr>
              <w:t>2</w:t>
            </w:r>
            <w:r>
              <w:rPr>
                <w:noProof/>
                <w:webHidden/>
              </w:rPr>
              <w:fldChar w:fldCharType="end"/>
            </w:r>
          </w:hyperlink>
        </w:p>
        <w:p w14:paraId="1C864AC7" w14:textId="61C31A2B" w:rsidR="00435C28" w:rsidRDefault="00435C28">
          <w:pPr>
            <w:pStyle w:val="TOC1"/>
            <w:tabs>
              <w:tab w:val="right" w:leader="dot" w:pos="9350"/>
            </w:tabs>
            <w:rPr>
              <w:rFonts w:eastAsiaTheme="minorEastAsia"/>
              <w:noProof/>
            </w:rPr>
          </w:pPr>
          <w:hyperlink w:anchor="_Toc66110013" w:history="1">
            <w:r w:rsidRPr="00FE5CAF">
              <w:rPr>
                <w:rStyle w:val="Hyperlink"/>
                <w:noProof/>
              </w:rPr>
              <w:t>Django – Design Philosophies</w:t>
            </w:r>
            <w:r>
              <w:rPr>
                <w:noProof/>
                <w:webHidden/>
              </w:rPr>
              <w:tab/>
            </w:r>
            <w:r>
              <w:rPr>
                <w:noProof/>
                <w:webHidden/>
              </w:rPr>
              <w:fldChar w:fldCharType="begin"/>
            </w:r>
            <w:r>
              <w:rPr>
                <w:noProof/>
                <w:webHidden/>
              </w:rPr>
              <w:instrText xml:space="preserve"> PAGEREF _Toc66110013 \h </w:instrText>
            </w:r>
            <w:r>
              <w:rPr>
                <w:noProof/>
                <w:webHidden/>
              </w:rPr>
            </w:r>
            <w:r>
              <w:rPr>
                <w:noProof/>
                <w:webHidden/>
              </w:rPr>
              <w:fldChar w:fldCharType="separate"/>
            </w:r>
            <w:r>
              <w:rPr>
                <w:noProof/>
                <w:webHidden/>
              </w:rPr>
              <w:t>3</w:t>
            </w:r>
            <w:r>
              <w:rPr>
                <w:noProof/>
                <w:webHidden/>
              </w:rPr>
              <w:fldChar w:fldCharType="end"/>
            </w:r>
          </w:hyperlink>
        </w:p>
        <w:p w14:paraId="66EF79E6" w14:textId="76428E1B" w:rsidR="00435C28" w:rsidRDefault="00435C28">
          <w:pPr>
            <w:pStyle w:val="TOC1"/>
            <w:tabs>
              <w:tab w:val="right" w:leader="dot" w:pos="9350"/>
            </w:tabs>
            <w:rPr>
              <w:rFonts w:eastAsiaTheme="minorEastAsia"/>
              <w:noProof/>
            </w:rPr>
          </w:pPr>
          <w:hyperlink w:anchor="_Toc66110014" w:history="1">
            <w:r w:rsidRPr="00FE5CAF">
              <w:rPr>
                <w:rStyle w:val="Hyperlink"/>
                <w:rFonts w:eastAsia="Times New Roman"/>
                <w:noProof/>
              </w:rPr>
              <w:t>Advantages of Django</w:t>
            </w:r>
            <w:r>
              <w:rPr>
                <w:noProof/>
                <w:webHidden/>
              </w:rPr>
              <w:tab/>
            </w:r>
            <w:r>
              <w:rPr>
                <w:noProof/>
                <w:webHidden/>
              </w:rPr>
              <w:fldChar w:fldCharType="begin"/>
            </w:r>
            <w:r>
              <w:rPr>
                <w:noProof/>
                <w:webHidden/>
              </w:rPr>
              <w:instrText xml:space="preserve"> PAGEREF _Toc66110014 \h </w:instrText>
            </w:r>
            <w:r>
              <w:rPr>
                <w:noProof/>
                <w:webHidden/>
              </w:rPr>
            </w:r>
            <w:r>
              <w:rPr>
                <w:noProof/>
                <w:webHidden/>
              </w:rPr>
              <w:fldChar w:fldCharType="separate"/>
            </w:r>
            <w:r>
              <w:rPr>
                <w:noProof/>
                <w:webHidden/>
              </w:rPr>
              <w:t>3</w:t>
            </w:r>
            <w:r>
              <w:rPr>
                <w:noProof/>
                <w:webHidden/>
              </w:rPr>
              <w:fldChar w:fldCharType="end"/>
            </w:r>
          </w:hyperlink>
        </w:p>
        <w:p w14:paraId="0C2462F2" w14:textId="27A590E5" w:rsidR="00435C28" w:rsidRDefault="00435C28">
          <w:pPr>
            <w:pStyle w:val="TOC1"/>
            <w:tabs>
              <w:tab w:val="right" w:leader="dot" w:pos="9350"/>
            </w:tabs>
            <w:rPr>
              <w:rFonts w:eastAsiaTheme="minorEastAsia"/>
              <w:noProof/>
            </w:rPr>
          </w:pPr>
          <w:hyperlink w:anchor="_Toc66110015" w:history="1">
            <w:r w:rsidRPr="00FE5CAF">
              <w:rPr>
                <w:rStyle w:val="Hyperlink"/>
                <w:noProof/>
              </w:rPr>
              <w:t>DJANGO MVC - MVT Pattern</w:t>
            </w:r>
            <w:r>
              <w:rPr>
                <w:noProof/>
                <w:webHidden/>
              </w:rPr>
              <w:tab/>
            </w:r>
            <w:r>
              <w:rPr>
                <w:noProof/>
                <w:webHidden/>
              </w:rPr>
              <w:fldChar w:fldCharType="begin"/>
            </w:r>
            <w:r>
              <w:rPr>
                <w:noProof/>
                <w:webHidden/>
              </w:rPr>
              <w:instrText xml:space="preserve"> PAGEREF _Toc66110015 \h </w:instrText>
            </w:r>
            <w:r>
              <w:rPr>
                <w:noProof/>
                <w:webHidden/>
              </w:rPr>
            </w:r>
            <w:r>
              <w:rPr>
                <w:noProof/>
                <w:webHidden/>
              </w:rPr>
              <w:fldChar w:fldCharType="separate"/>
            </w:r>
            <w:r>
              <w:rPr>
                <w:noProof/>
                <w:webHidden/>
              </w:rPr>
              <w:t>6</w:t>
            </w:r>
            <w:r>
              <w:rPr>
                <w:noProof/>
                <w:webHidden/>
              </w:rPr>
              <w:fldChar w:fldCharType="end"/>
            </w:r>
          </w:hyperlink>
        </w:p>
        <w:p w14:paraId="6AF49116" w14:textId="7F334386" w:rsidR="00435C28" w:rsidRDefault="00435C28">
          <w:pPr>
            <w:pStyle w:val="TOC1"/>
            <w:tabs>
              <w:tab w:val="right" w:leader="dot" w:pos="9350"/>
            </w:tabs>
            <w:rPr>
              <w:rFonts w:eastAsiaTheme="minorEastAsia"/>
              <w:noProof/>
            </w:rPr>
          </w:pPr>
          <w:hyperlink w:anchor="_Toc66110016" w:history="1">
            <w:r w:rsidRPr="00FE5CAF">
              <w:rPr>
                <w:rStyle w:val="Hyperlink"/>
                <w:noProof/>
              </w:rPr>
              <w:t>Setup - Virtual env</w:t>
            </w:r>
            <w:r>
              <w:rPr>
                <w:noProof/>
                <w:webHidden/>
              </w:rPr>
              <w:tab/>
            </w:r>
            <w:r>
              <w:rPr>
                <w:noProof/>
                <w:webHidden/>
              </w:rPr>
              <w:fldChar w:fldCharType="begin"/>
            </w:r>
            <w:r>
              <w:rPr>
                <w:noProof/>
                <w:webHidden/>
              </w:rPr>
              <w:instrText xml:space="preserve"> PAGEREF _Toc66110016 \h </w:instrText>
            </w:r>
            <w:r>
              <w:rPr>
                <w:noProof/>
                <w:webHidden/>
              </w:rPr>
            </w:r>
            <w:r>
              <w:rPr>
                <w:noProof/>
                <w:webHidden/>
              </w:rPr>
              <w:fldChar w:fldCharType="separate"/>
            </w:r>
            <w:r>
              <w:rPr>
                <w:noProof/>
                <w:webHidden/>
              </w:rPr>
              <w:t>8</w:t>
            </w:r>
            <w:r>
              <w:rPr>
                <w:noProof/>
                <w:webHidden/>
              </w:rPr>
              <w:fldChar w:fldCharType="end"/>
            </w:r>
          </w:hyperlink>
        </w:p>
        <w:p w14:paraId="436EFB84" w14:textId="0213E628" w:rsidR="00435C28" w:rsidRDefault="00435C28">
          <w:pPr>
            <w:pStyle w:val="TOC1"/>
            <w:tabs>
              <w:tab w:val="right" w:leader="dot" w:pos="9350"/>
            </w:tabs>
            <w:rPr>
              <w:rFonts w:eastAsiaTheme="minorEastAsia"/>
              <w:noProof/>
            </w:rPr>
          </w:pPr>
          <w:hyperlink w:anchor="_Toc66110017" w:history="1">
            <w:r w:rsidRPr="00FE5CAF">
              <w:rPr>
                <w:rStyle w:val="Hyperlink"/>
                <w:noProof/>
              </w:rPr>
              <w:t>Install Django</w:t>
            </w:r>
            <w:r>
              <w:rPr>
                <w:noProof/>
                <w:webHidden/>
              </w:rPr>
              <w:tab/>
            </w:r>
            <w:r>
              <w:rPr>
                <w:noProof/>
                <w:webHidden/>
              </w:rPr>
              <w:fldChar w:fldCharType="begin"/>
            </w:r>
            <w:r>
              <w:rPr>
                <w:noProof/>
                <w:webHidden/>
              </w:rPr>
              <w:instrText xml:space="preserve"> PAGEREF _Toc66110017 \h </w:instrText>
            </w:r>
            <w:r>
              <w:rPr>
                <w:noProof/>
                <w:webHidden/>
              </w:rPr>
            </w:r>
            <w:r>
              <w:rPr>
                <w:noProof/>
                <w:webHidden/>
              </w:rPr>
              <w:fldChar w:fldCharType="separate"/>
            </w:r>
            <w:r>
              <w:rPr>
                <w:noProof/>
                <w:webHidden/>
              </w:rPr>
              <w:t>9</w:t>
            </w:r>
            <w:r>
              <w:rPr>
                <w:noProof/>
                <w:webHidden/>
              </w:rPr>
              <w:fldChar w:fldCharType="end"/>
            </w:r>
          </w:hyperlink>
        </w:p>
        <w:p w14:paraId="13B3E0FB" w14:textId="52190487" w:rsidR="00435C28" w:rsidRDefault="00435C28">
          <w:pPr>
            <w:pStyle w:val="TOC1"/>
            <w:tabs>
              <w:tab w:val="right" w:leader="dot" w:pos="9350"/>
            </w:tabs>
            <w:rPr>
              <w:rFonts w:eastAsiaTheme="minorEastAsia"/>
              <w:noProof/>
            </w:rPr>
          </w:pPr>
          <w:hyperlink w:anchor="_Toc66110018" w:history="1">
            <w:r w:rsidRPr="00FE5CAF">
              <w:rPr>
                <w:rStyle w:val="Hyperlink"/>
                <w:noProof/>
              </w:rPr>
              <w:t>STEPS</w:t>
            </w:r>
            <w:r>
              <w:rPr>
                <w:noProof/>
                <w:webHidden/>
              </w:rPr>
              <w:tab/>
            </w:r>
            <w:r>
              <w:rPr>
                <w:noProof/>
                <w:webHidden/>
              </w:rPr>
              <w:fldChar w:fldCharType="begin"/>
            </w:r>
            <w:r>
              <w:rPr>
                <w:noProof/>
                <w:webHidden/>
              </w:rPr>
              <w:instrText xml:space="preserve"> PAGEREF _Toc66110018 \h </w:instrText>
            </w:r>
            <w:r>
              <w:rPr>
                <w:noProof/>
                <w:webHidden/>
              </w:rPr>
            </w:r>
            <w:r>
              <w:rPr>
                <w:noProof/>
                <w:webHidden/>
              </w:rPr>
              <w:fldChar w:fldCharType="separate"/>
            </w:r>
            <w:r>
              <w:rPr>
                <w:noProof/>
                <w:webHidden/>
              </w:rPr>
              <w:t>10</w:t>
            </w:r>
            <w:r>
              <w:rPr>
                <w:noProof/>
                <w:webHidden/>
              </w:rPr>
              <w:fldChar w:fldCharType="end"/>
            </w:r>
          </w:hyperlink>
        </w:p>
        <w:p w14:paraId="76CAB17B" w14:textId="0F78A33B" w:rsidR="00435C28" w:rsidRDefault="00435C28">
          <w:pPr>
            <w:pStyle w:val="TOC1"/>
            <w:tabs>
              <w:tab w:val="right" w:leader="dot" w:pos="9350"/>
            </w:tabs>
            <w:rPr>
              <w:rFonts w:eastAsiaTheme="minorEastAsia"/>
              <w:noProof/>
            </w:rPr>
          </w:pPr>
          <w:hyperlink w:anchor="_Toc66110019" w:history="1">
            <w:r w:rsidRPr="00FE5CAF">
              <w:rPr>
                <w:rStyle w:val="Hyperlink"/>
                <w:noProof/>
              </w:rPr>
              <w:t>Migration and super user creation:</w:t>
            </w:r>
            <w:r>
              <w:rPr>
                <w:noProof/>
                <w:webHidden/>
              </w:rPr>
              <w:tab/>
            </w:r>
            <w:r>
              <w:rPr>
                <w:noProof/>
                <w:webHidden/>
              </w:rPr>
              <w:fldChar w:fldCharType="begin"/>
            </w:r>
            <w:r>
              <w:rPr>
                <w:noProof/>
                <w:webHidden/>
              </w:rPr>
              <w:instrText xml:space="preserve"> PAGEREF _Toc66110019 \h </w:instrText>
            </w:r>
            <w:r>
              <w:rPr>
                <w:noProof/>
                <w:webHidden/>
              </w:rPr>
            </w:r>
            <w:r>
              <w:rPr>
                <w:noProof/>
                <w:webHidden/>
              </w:rPr>
              <w:fldChar w:fldCharType="separate"/>
            </w:r>
            <w:r>
              <w:rPr>
                <w:noProof/>
                <w:webHidden/>
              </w:rPr>
              <w:t>15</w:t>
            </w:r>
            <w:r>
              <w:rPr>
                <w:noProof/>
                <w:webHidden/>
              </w:rPr>
              <w:fldChar w:fldCharType="end"/>
            </w:r>
          </w:hyperlink>
        </w:p>
        <w:p w14:paraId="5907B3A5" w14:textId="5F05380F" w:rsidR="00435C28" w:rsidRDefault="00435C28">
          <w:pPr>
            <w:pStyle w:val="TOC1"/>
            <w:tabs>
              <w:tab w:val="right" w:leader="dot" w:pos="9350"/>
            </w:tabs>
            <w:rPr>
              <w:rFonts w:eastAsiaTheme="minorEastAsia"/>
              <w:noProof/>
            </w:rPr>
          </w:pPr>
          <w:hyperlink w:anchor="_Toc66110020" w:history="1">
            <w:r w:rsidRPr="00FE5CAF">
              <w:rPr>
                <w:rStyle w:val="Hyperlink"/>
                <w:noProof/>
              </w:rPr>
              <w:t>Reusability in htmls:</w:t>
            </w:r>
            <w:r>
              <w:rPr>
                <w:noProof/>
                <w:webHidden/>
              </w:rPr>
              <w:tab/>
            </w:r>
            <w:r>
              <w:rPr>
                <w:noProof/>
                <w:webHidden/>
              </w:rPr>
              <w:fldChar w:fldCharType="begin"/>
            </w:r>
            <w:r>
              <w:rPr>
                <w:noProof/>
                <w:webHidden/>
              </w:rPr>
              <w:instrText xml:space="preserve"> PAGEREF _Toc66110020 \h </w:instrText>
            </w:r>
            <w:r>
              <w:rPr>
                <w:noProof/>
                <w:webHidden/>
              </w:rPr>
            </w:r>
            <w:r>
              <w:rPr>
                <w:noProof/>
                <w:webHidden/>
              </w:rPr>
              <w:fldChar w:fldCharType="separate"/>
            </w:r>
            <w:r>
              <w:rPr>
                <w:noProof/>
                <w:webHidden/>
              </w:rPr>
              <w:t>17</w:t>
            </w:r>
            <w:r>
              <w:rPr>
                <w:noProof/>
                <w:webHidden/>
              </w:rPr>
              <w:fldChar w:fldCharType="end"/>
            </w:r>
          </w:hyperlink>
        </w:p>
        <w:p w14:paraId="17839371" w14:textId="1577E164" w:rsidR="00435C28" w:rsidRDefault="00435C28">
          <w:pPr>
            <w:pStyle w:val="TOC1"/>
            <w:tabs>
              <w:tab w:val="right" w:leader="dot" w:pos="9350"/>
            </w:tabs>
            <w:rPr>
              <w:rFonts w:eastAsiaTheme="minorEastAsia"/>
              <w:noProof/>
            </w:rPr>
          </w:pPr>
          <w:hyperlink w:anchor="_Toc66110021" w:history="1">
            <w:r w:rsidRPr="00FE5CAF">
              <w:rPr>
                <w:rStyle w:val="Hyperlink"/>
                <w:noProof/>
              </w:rPr>
              <w:t>Request capturing:</w:t>
            </w:r>
            <w:r>
              <w:rPr>
                <w:noProof/>
                <w:webHidden/>
              </w:rPr>
              <w:tab/>
            </w:r>
            <w:r>
              <w:rPr>
                <w:noProof/>
                <w:webHidden/>
              </w:rPr>
              <w:fldChar w:fldCharType="begin"/>
            </w:r>
            <w:r>
              <w:rPr>
                <w:noProof/>
                <w:webHidden/>
              </w:rPr>
              <w:instrText xml:space="preserve"> PAGEREF _Toc66110021 \h </w:instrText>
            </w:r>
            <w:r>
              <w:rPr>
                <w:noProof/>
                <w:webHidden/>
              </w:rPr>
            </w:r>
            <w:r>
              <w:rPr>
                <w:noProof/>
                <w:webHidden/>
              </w:rPr>
              <w:fldChar w:fldCharType="separate"/>
            </w:r>
            <w:r>
              <w:rPr>
                <w:noProof/>
                <w:webHidden/>
              </w:rPr>
              <w:t>19</w:t>
            </w:r>
            <w:r>
              <w:rPr>
                <w:noProof/>
                <w:webHidden/>
              </w:rPr>
              <w:fldChar w:fldCharType="end"/>
            </w:r>
          </w:hyperlink>
        </w:p>
        <w:p w14:paraId="2DBC0901" w14:textId="0E796358" w:rsidR="00435C28" w:rsidRDefault="00435C28">
          <w:pPr>
            <w:pStyle w:val="TOC1"/>
            <w:tabs>
              <w:tab w:val="right" w:leader="dot" w:pos="9350"/>
            </w:tabs>
            <w:rPr>
              <w:rFonts w:eastAsiaTheme="minorEastAsia"/>
              <w:noProof/>
            </w:rPr>
          </w:pPr>
          <w:hyperlink w:anchor="_Toc66110022" w:history="1">
            <w:r w:rsidRPr="00FE5CAF">
              <w:rPr>
                <w:rStyle w:val="Hyperlink"/>
                <w:noProof/>
              </w:rPr>
              <w:t>Configuring welcome page</w:t>
            </w:r>
            <w:r>
              <w:rPr>
                <w:noProof/>
                <w:webHidden/>
              </w:rPr>
              <w:tab/>
            </w:r>
            <w:r>
              <w:rPr>
                <w:noProof/>
                <w:webHidden/>
              </w:rPr>
              <w:fldChar w:fldCharType="begin"/>
            </w:r>
            <w:r>
              <w:rPr>
                <w:noProof/>
                <w:webHidden/>
              </w:rPr>
              <w:instrText xml:space="preserve"> PAGEREF _Toc66110022 \h </w:instrText>
            </w:r>
            <w:r>
              <w:rPr>
                <w:noProof/>
                <w:webHidden/>
              </w:rPr>
            </w:r>
            <w:r>
              <w:rPr>
                <w:noProof/>
                <w:webHidden/>
              </w:rPr>
              <w:fldChar w:fldCharType="separate"/>
            </w:r>
            <w:r>
              <w:rPr>
                <w:noProof/>
                <w:webHidden/>
              </w:rPr>
              <w:t>21</w:t>
            </w:r>
            <w:r>
              <w:rPr>
                <w:noProof/>
                <w:webHidden/>
              </w:rPr>
              <w:fldChar w:fldCharType="end"/>
            </w:r>
          </w:hyperlink>
        </w:p>
        <w:p w14:paraId="21B2329F" w14:textId="2DEA3F0B" w:rsidR="00435C28" w:rsidRDefault="00435C28">
          <w:pPr>
            <w:pStyle w:val="TOC1"/>
            <w:tabs>
              <w:tab w:val="right" w:leader="dot" w:pos="9350"/>
            </w:tabs>
            <w:rPr>
              <w:rFonts w:eastAsiaTheme="minorEastAsia"/>
              <w:noProof/>
            </w:rPr>
          </w:pPr>
          <w:hyperlink w:anchor="_Toc66110023" w:history="1">
            <w:r w:rsidRPr="00FE5CAF">
              <w:rPr>
                <w:rStyle w:val="Hyperlink"/>
                <w:noProof/>
              </w:rPr>
              <w:t>Code in Templates:</w:t>
            </w:r>
            <w:r>
              <w:rPr>
                <w:noProof/>
                <w:webHidden/>
              </w:rPr>
              <w:tab/>
            </w:r>
            <w:r>
              <w:rPr>
                <w:noProof/>
                <w:webHidden/>
              </w:rPr>
              <w:fldChar w:fldCharType="begin"/>
            </w:r>
            <w:r>
              <w:rPr>
                <w:noProof/>
                <w:webHidden/>
              </w:rPr>
              <w:instrText xml:space="preserve"> PAGEREF _Toc66110023 \h </w:instrText>
            </w:r>
            <w:r>
              <w:rPr>
                <w:noProof/>
                <w:webHidden/>
              </w:rPr>
            </w:r>
            <w:r>
              <w:rPr>
                <w:noProof/>
                <w:webHidden/>
              </w:rPr>
              <w:fldChar w:fldCharType="separate"/>
            </w:r>
            <w:r>
              <w:rPr>
                <w:noProof/>
                <w:webHidden/>
              </w:rPr>
              <w:t>21</w:t>
            </w:r>
            <w:r>
              <w:rPr>
                <w:noProof/>
                <w:webHidden/>
              </w:rPr>
              <w:fldChar w:fldCharType="end"/>
            </w:r>
          </w:hyperlink>
        </w:p>
        <w:p w14:paraId="4C4CCDA3" w14:textId="3152A700" w:rsidR="00435C28" w:rsidRDefault="00435C28">
          <w:pPr>
            <w:pStyle w:val="TOC2"/>
            <w:tabs>
              <w:tab w:val="right" w:leader="dot" w:pos="9350"/>
            </w:tabs>
            <w:rPr>
              <w:rFonts w:eastAsiaTheme="minorEastAsia"/>
              <w:noProof/>
            </w:rPr>
          </w:pPr>
          <w:hyperlink w:anchor="_Toc66110024" w:history="1">
            <w:r w:rsidRPr="00FE5CAF">
              <w:rPr>
                <w:rStyle w:val="Hyperlink"/>
                <w:noProof/>
              </w:rPr>
              <w:t>Firstof</w:t>
            </w:r>
            <w:r>
              <w:rPr>
                <w:noProof/>
                <w:webHidden/>
              </w:rPr>
              <w:tab/>
            </w:r>
            <w:r>
              <w:rPr>
                <w:noProof/>
                <w:webHidden/>
              </w:rPr>
              <w:fldChar w:fldCharType="begin"/>
            </w:r>
            <w:r>
              <w:rPr>
                <w:noProof/>
                <w:webHidden/>
              </w:rPr>
              <w:instrText xml:space="preserve"> PAGEREF _Toc66110024 \h </w:instrText>
            </w:r>
            <w:r>
              <w:rPr>
                <w:noProof/>
                <w:webHidden/>
              </w:rPr>
            </w:r>
            <w:r>
              <w:rPr>
                <w:noProof/>
                <w:webHidden/>
              </w:rPr>
              <w:fldChar w:fldCharType="separate"/>
            </w:r>
            <w:r>
              <w:rPr>
                <w:noProof/>
                <w:webHidden/>
              </w:rPr>
              <w:t>22</w:t>
            </w:r>
            <w:r>
              <w:rPr>
                <w:noProof/>
                <w:webHidden/>
              </w:rPr>
              <w:fldChar w:fldCharType="end"/>
            </w:r>
          </w:hyperlink>
        </w:p>
        <w:p w14:paraId="3979B1D1" w14:textId="0E710EC8" w:rsidR="00435C28" w:rsidRDefault="00435C28">
          <w:pPr>
            <w:pStyle w:val="TOC2"/>
            <w:tabs>
              <w:tab w:val="right" w:leader="dot" w:pos="9350"/>
            </w:tabs>
            <w:rPr>
              <w:rFonts w:eastAsiaTheme="minorEastAsia"/>
              <w:noProof/>
            </w:rPr>
          </w:pPr>
          <w:hyperlink w:anchor="_Toc66110025" w:history="1">
            <w:r w:rsidRPr="00FE5CAF">
              <w:rPr>
                <w:rStyle w:val="Hyperlink"/>
                <w:noProof/>
              </w:rPr>
              <w:t>If statement</w:t>
            </w:r>
            <w:r>
              <w:rPr>
                <w:noProof/>
                <w:webHidden/>
              </w:rPr>
              <w:tab/>
            </w:r>
            <w:r>
              <w:rPr>
                <w:noProof/>
                <w:webHidden/>
              </w:rPr>
              <w:fldChar w:fldCharType="begin"/>
            </w:r>
            <w:r>
              <w:rPr>
                <w:noProof/>
                <w:webHidden/>
              </w:rPr>
              <w:instrText xml:space="preserve"> PAGEREF _Toc66110025 \h </w:instrText>
            </w:r>
            <w:r>
              <w:rPr>
                <w:noProof/>
                <w:webHidden/>
              </w:rPr>
            </w:r>
            <w:r>
              <w:rPr>
                <w:noProof/>
                <w:webHidden/>
              </w:rPr>
              <w:fldChar w:fldCharType="separate"/>
            </w:r>
            <w:r>
              <w:rPr>
                <w:noProof/>
                <w:webHidden/>
              </w:rPr>
              <w:t>23</w:t>
            </w:r>
            <w:r>
              <w:rPr>
                <w:noProof/>
                <w:webHidden/>
              </w:rPr>
              <w:fldChar w:fldCharType="end"/>
            </w:r>
          </w:hyperlink>
        </w:p>
        <w:p w14:paraId="0CA78355" w14:textId="293DB30B" w:rsidR="00435C28" w:rsidRDefault="00435C28">
          <w:pPr>
            <w:pStyle w:val="TOC2"/>
            <w:tabs>
              <w:tab w:val="right" w:leader="dot" w:pos="9350"/>
            </w:tabs>
            <w:rPr>
              <w:rFonts w:eastAsiaTheme="minorEastAsia"/>
              <w:noProof/>
            </w:rPr>
          </w:pPr>
          <w:hyperlink w:anchor="_Toc66110026" w:history="1">
            <w:r w:rsidRPr="00FE5CAF">
              <w:rPr>
                <w:rStyle w:val="Hyperlink"/>
                <w:noProof/>
              </w:rPr>
              <w:t>Conditions</w:t>
            </w:r>
            <w:r>
              <w:rPr>
                <w:noProof/>
                <w:webHidden/>
              </w:rPr>
              <w:tab/>
            </w:r>
            <w:r>
              <w:rPr>
                <w:noProof/>
                <w:webHidden/>
              </w:rPr>
              <w:fldChar w:fldCharType="begin"/>
            </w:r>
            <w:r>
              <w:rPr>
                <w:noProof/>
                <w:webHidden/>
              </w:rPr>
              <w:instrText xml:space="preserve"> PAGEREF _Toc66110026 \h </w:instrText>
            </w:r>
            <w:r>
              <w:rPr>
                <w:noProof/>
                <w:webHidden/>
              </w:rPr>
            </w:r>
            <w:r>
              <w:rPr>
                <w:noProof/>
                <w:webHidden/>
              </w:rPr>
              <w:fldChar w:fldCharType="separate"/>
            </w:r>
            <w:r>
              <w:rPr>
                <w:noProof/>
                <w:webHidden/>
              </w:rPr>
              <w:t>24</w:t>
            </w:r>
            <w:r>
              <w:rPr>
                <w:noProof/>
                <w:webHidden/>
              </w:rPr>
              <w:fldChar w:fldCharType="end"/>
            </w:r>
          </w:hyperlink>
        </w:p>
        <w:p w14:paraId="116616A5" w14:textId="1CAACEAC" w:rsidR="00435C28" w:rsidRDefault="00435C28">
          <w:pPr>
            <w:pStyle w:val="TOC2"/>
            <w:tabs>
              <w:tab w:val="right" w:leader="dot" w:pos="9350"/>
            </w:tabs>
            <w:rPr>
              <w:rFonts w:eastAsiaTheme="minorEastAsia"/>
              <w:noProof/>
            </w:rPr>
          </w:pPr>
          <w:hyperlink w:anchor="_Toc66110027" w:history="1">
            <w:r w:rsidRPr="00FE5CAF">
              <w:rPr>
                <w:rStyle w:val="Hyperlink"/>
                <w:noProof/>
              </w:rPr>
              <w:t>For loop</w:t>
            </w:r>
            <w:r>
              <w:rPr>
                <w:noProof/>
                <w:webHidden/>
              </w:rPr>
              <w:tab/>
            </w:r>
            <w:r>
              <w:rPr>
                <w:noProof/>
                <w:webHidden/>
              </w:rPr>
              <w:fldChar w:fldCharType="begin"/>
            </w:r>
            <w:r>
              <w:rPr>
                <w:noProof/>
                <w:webHidden/>
              </w:rPr>
              <w:instrText xml:space="preserve"> PAGEREF _Toc66110027 \h </w:instrText>
            </w:r>
            <w:r>
              <w:rPr>
                <w:noProof/>
                <w:webHidden/>
              </w:rPr>
            </w:r>
            <w:r>
              <w:rPr>
                <w:noProof/>
                <w:webHidden/>
              </w:rPr>
              <w:fldChar w:fldCharType="separate"/>
            </w:r>
            <w:r>
              <w:rPr>
                <w:noProof/>
                <w:webHidden/>
              </w:rPr>
              <w:t>26</w:t>
            </w:r>
            <w:r>
              <w:rPr>
                <w:noProof/>
                <w:webHidden/>
              </w:rPr>
              <w:fldChar w:fldCharType="end"/>
            </w:r>
          </w:hyperlink>
        </w:p>
        <w:p w14:paraId="147F655A" w14:textId="06EC850E" w:rsidR="00435C28" w:rsidRDefault="00435C28">
          <w:pPr>
            <w:pStyle w:val="TOC2"/>
            <w:tabs>
              <w:tab w:val="right" w:leader="dot" w:pos="9350"/>
            </w:tabs>
            <w:rPr>
              <w:rFonts w:eastAsiaTheme="minorEastAsia"/>
              <w:noProof/>
            </w:rPr>
          </w:pPr>
          <w:hyperlink w:anchor="_Toc66110028" w:history="1">
            <w:r w:rsidRPr="00FE5CAF">
              <w:rPr>
                <w:rStyle w:val="Hyperlink"/>
                <w:noProof/>
              </w:rPr>
              <w:t>Includes:</w:t>
            </w:r>
            <w:r>
              <w:rPr>
                <w:noProof/>
                <w:webHidden/>
              </w:rPr>
              <w:tab/>
            </w:r>
            <w:r>
              <w:rPr>
                <w:noProof/>
                <w:webHidden/>
              </w:rPr>
              <w:fldChar w:fldCharType="begin"/>
            </w:r>
            <w:r>
              <w:rPr>
                <w:noProof/>
                <w:webHidden/>
              </w:rPr>
              <w:instrText xml:space="preserve"> PAGEREF _Toc66110028 \h </w:instrText>
            </w:r>
            <w:r>
              <w:rPr>
                <w:noProof/>
                <w:webHidden/>
              </w:rPr>
            </w:r>
            <w:r>
              <w:rPr>
                <w:noProof/>
                <w:webHidden/>
              </w:rPr>
              <w:fldChar w:fldCharType="separate"/>
            </w:r>
            <w:r>
              <w:rPr>
                <w:noProof/>
                <w:webHidden/>
              </w:rPr>
              <w:t>26</w:t>
            </w:r>
            <w:r>
              <w:rPr>
                <w:noProof/>
                <w:webHidden/>
              </w:rPr>
              <w:fldChar w:fldCharType="end"/>
            </w:r>
          </w:hyperlink>
        </w:p>
        <w:p w14:paraId="765FE404" w14:textId="0158C27C" w:rsidR="00435C28" w:rsidRDefault="00435C28">
          <w:pPr>
            <w:pStyle w:val="TOC1"/>
            <w:tabs>
              <w:tab w:val="right" w:leader="dot" w:pos="9350"/>
            </w:tabs>
            <w:rPr>
              <w:rFonts w:eastAsiaTheme="minorEastAsia"/>
              <w:noProof/>
            </w:rPr>
          </w:pPr>
          <w:hyperlink w:anchor="_Toc66110029" w:history="1">
            <w:r w:rsidRPr="00FE5CAF">
              <w:rPr>
                <w:rStyle w:val="Hyperlink"/>
                <w:noProof/>
              </w:rPr>
              <w:t>Model class</w:t>
            </w:r>
            <w:r>
              <w:rPr>
                <w:noProof/>
                <w:webHidden/>
              </w:rPr>
              <w:tab/>
            </w:r>
            <w:r>
              <w:rPr>
                <w:noProof/>
                <w:webHidden/>
              </w:rPr>
              <w:fldChar w:fldCharType="begin"/>
            </w:r>
            <w:r>
              <w:rPr>
                <w:noProof/>
                <w:webHidden/>
              </w:rPr>
              <w:instrText xml:space="preserve"> PAGEREF _Toc66110029 \h </w:instrText>
            </w:r>
            <w:r>
              <w:rPr>
                <w:noProof/>
                <w:webHidden/>
              </w:rPr>
            </w:r>
            <w:r>
              <w:rPr>
                <w:noProof/>
                <w:webHidden/>
              </w:rPr>
              <w:fldChar w:fldCharType="separate"/>
            </w:r>
            <w:r>
              <w:rPr>
                <w:noProof/>
                <w:webHidden/>
              </w:rPr>
              <w:t>27</w:t>
            </w:r>
            <w:r>
              <w:rPr>
                <w:noProof/>
                <w:webHidden/>
              </w:rPr>
              <w:fldChar w:fldCharType="end"/>
            </w:r>
          </w:hyperlink>
        </w:p>
        <w:p w14:paraId="6ED16455" w14:textId="57BB61B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2431C882" w14:textId="77777777" w:rsidR="00AD76FF" w:rsidRDefault="00AD76FF" w:rsidP="007825B8">
      <w:pPr>
        <w:pStyle w:val="Heading1"/>
      </w:pPr>
      <w:bookmarkStart w:id="0" w:name="_Toc66110011"/>
      <w:r>
        <w:t>framework:</w:t>
      </w:r>
      <w:bookmarkEnd w:id="0"/>
    </w:p>
    <w:p w14:paraId="21FFD6D4" w14:textId="77777777" w:rsidR="00AD76FF" w:rsidRDefault="00AD76FF" w:rsidP="00AD76FF">
      <w:r>
        <w:t>- contains pre-written code that has solution for the common problms we face in the project.</w:t>
      </w:r>
    </w:p>
    <w:p w14:paraId="6EE156C8" w14:textId="77777777" w:rsidR="00AD76FF" w:rsidRDefault="00AD76FF" w:rsidP="00AD76FF">
      <w:r>
        <w:t>- has certain design patterns</w:t>
      </w:r>
    </w:p>
    <w:p w14:paraId="55CB39B4" w14:textId="77777777" w:rsidR="00AD76FF" w:rsidRDefault="00AD76FF" w:rsidP="00AD76FF">
      <w:r>
        <w:t>- Plug and play for developing the applications.</w:t>
      </w:r>
    </w:p>
    <w:p w14:paraId="7071A2C0" w14:textId="77777777" w:rsidR="00AD76FF" w:rsidRDefault="00AD76FF" w:rsidP="00AD76FF">
      <w:r>
        <w:t>- faster development [ as django has ready made code]</w:t>
      </w:r>
    </w:p>
    <w:p w14:paraId="7E468076" w14:textId="62B346C1" w:rsidR="00C02C54" w:rsidRDefault="00AD76FF" w:rsidP="00AD76FF">
      <w:r>
        <w:t xml:space="preserve">ex: django , </w:t>
      </w:r>
      <w:r w:rsidR="00C01E55">
        <w:t>flask</w:t>
      </w:r>
      <w:r>
        <w:t xml:space="preserve"> .etcc..</w:t>
      </w:r>
    </w:p>
    <w:p w14:paraId="655CC433" w14:textId="127E9470" w:rsidR="008640EB" w:rsidRDefault="008640EB" w:rsidP="00AD76FF"/>
    <w:p w14:paraId="07B6162D" w14:textId="3F5C96C8" w:rsidR="001A7D83" w:rsidRDefault="001A7D83" w:rsidP="001A7D83">
      <w:pPr>
        <w:pStyle w:val="Heading1"/>
      </w:pPr>
      <w:bookmarkStart w:id="1" w:name="_Toc66110012"/>
      <w:r>
        <w:t xml:space="preserve">Web </w:t>
      </w:r>
      <w:r w:rsidR="00D8691E">
        <w:t>application</w:t>
      </w:r>
      <w:r>
        <w:t>:</w:t>
      </w:r>
      <w:bookmarkEnd w:id="1"/>
    </w:p>
    <w:p w14:paraId="3C1AAD99" w14:textId="77777777" w:rsidR="001A7D83" w:rsidRDefault="001A7D83" w:rsidP="001A7D83">
      <w:r>
        <w:t>Web application supports HTTP protocol.</w:t>
      </w:r>
    </w:p>
    <w:p w14:paraId="66829E52" w14:textId="69A86469" w:rsidR="001A7D83" w:rsidRDefault="001A7D83" w:rsidP="001A7D83">
      <w:r>
        <w:t xml:space="preserve">If dev needs to develop a web application then dev has to write the </w:t>
      </w:r>
      <w:r w:rsidR="00D8691E">
        <w:t>supported</w:t>
      </w:r>
      <w:r>
        <w:t xml:space="preserve"> code for the HTTP.</w:t>
      </w:r>
    </w:p>
    <w:p w14:paraId="3C00A487" w14:textId="77777777" w:rsidR="001A7D83" w:rsidRDefault="001A7D83" w:rsidP="001A7D83">
      <w:r>
        <w:t>HTTP -&gt; HYPER TEXT TRANSFER PROPTOCOL</w:t>
      </w:r>
    </w:p>
    <w:p w14:paraId="7FB4A8BB" w14:textId="77777777" w:rsidR="001A7D83" w:rsidRDefault="001A7D83" w:rsidP="001A7D83"/>
    <w:p w14:paraId="50B9F808" w14:textId="77777777" w:rsidR="001A7D83" w:rsidRDefault="001A7D83" w:rsidP="001A7D83"/>
    <w:p w14:paraId="096D2C8B" w14:textId="77777777" w:rsidR="001A7D83" w:rsidRDefault="001A7D83" w:rsidP="001A7D83">
      <w:r>
        <w:t>Http has certain standards :</w:t>
      </w:r>
    </w:p>
    <w:p w14:paraId="3C52779C" w14:textId="33B4C5CC" w:rsidR="001A7D83" w:rsidRDefault="001A7D83" w:rsidP="001A7D83">
      <w:r>
        <w:t>- send Http</w:t>
      </w:r>
      <w:r w:rsidR="00D8691E">
        <w:t>R</w:t>
      </w:r>
      <w:r>
        <w:t>equest to the backend</w:t>
      </w:r>
    </w:p>
    <w:p w14:paraId="42C36E78" w14:textId="77777777" w:rsidR="001A7D83" w:rsidRDefault="001A7D83" w:rsidP="001A7D83">
      <w:r>
        <w:t>- respond with HttpResponse to the frontend</w:t>
      </w:r>
    </w:p>
    <w:p w14:paraId="5E71C06B" w14:textId="77777777" w:rsidR="001A7D83" w:rsidRDefault="001A7D83" w:rsidP="001A7D83"/>
    <w:p w14:paraId="4CEFA602" w14:textId="4BA78445" w:rsidR="001A7D83" w:rsidRDefault="001A7D83" w:rsidP="001A7D83">
      <w:r>
        <w:t xml:space="preserve">Web </w:t>
      </w:r>
      <w:r w:rsidR="00020D4A">
        <w:t xml:space="preserve">application </w:t>
      </w:r>
      <w:r>
        <w:t xml:space="preserve">is a </w:t>
      </w:r>
      <w:r w:rsidR="00A03661">
        <w:t>CLIENT</w:t>
      </w:r>
      <w:r>
        <w:t>-server model.</w:t>
      </w:r>
    </w:p>
    <w:p w14:paraId="20C06C1A" w14:textId="0566DCE3" w:rsidR="001A7D83" w:rsidRDefault="001A7D83" w:rsidP="001A7D83">
      <w:r>
        <w:t>client : Front End</w:t>
      </w:r>
      <w:r w:rsidR="00900DA4">
        <w:t xml:space="preserve"> , BROWSER</w:t>
      </w:r>
    </w:p>
    <w:p w14:paraId="10FFDEF7" w14:textId="77777777" w:rsidR="001A7D83" w:rsidRDefault="001A7D83" w:rsidP="001A7D83">
      <w:r>
        <w:t>server : django appliction running 24/7</w:t>
      </w:r>
    </w:p>
    <w:p w14:paraId="43196214" w14:textId="77777777" w:rsidR="001A7D83" w:rsidRDefault="001A7D83" w:rsidP="001A7D83"/>
    <w:p w14:paraId="3FD46385" w14:textId="27B34D97" w:rsidR="001A7D83" w:rsidRDefault="001A7D83" w:rsidP="001A7D83">
      <w:r>
        <w:lastRenderedPageBreak/>
        <w:t>for web</w:t>
      </w:r>
      <w:r w:rsidR="00C16924">
        <w:t>A</w:t>
      </w:r>
      <w:r>
        <w:t>pplication both client and server has to know the HTTP.</w:t>
      </w:r>
    </w:p>
    <w:p w14:paraId="51FABF61" w14:textId="479BE9EB" w:rsidR="001A7D83" w:rsidRDefault="001A7D83" w:rsidP="001A7D83">
      <w:r>
        <w:t xml:space="preserve">client sends the </w:t>
      </w:r>
      <w:r w:rsidR="007D3C7B">
        <w:t>request</w:t>
      </w:r>
      <w:r>
        <w:t xml:space="preserve"> to the backend and server will respond to frontend.</w:t>
      </w:r>
    </w:p>
    <w:p w14:paraId="1B8CD2D1" w14:textId="77777777" w:rsidR="001A7D83" w:rsidRDefault="001A7D83" w:rsidP="001A7D83"/>
    <w:p w14:paraId="1D114928" w14:textId="048068F5" w:rsidR="001A7D83" w:rsidRDefault="001A7D83" w:rsidP="001A7D83">
      <w:r>
        <w:t>client is using the browser (ex: chrome, firefox ).And browsers are designed to follow the HTTP standards.</w:t>
      </w:r>
    </w:p>
    <w:p w14:paraId="36E114C1" w14:textId="77777777" w:rsidR="00ED1951" w:rsidRDefault="00ED1951" w:rsidP="00A5307E">
      <w:pPr>
        <w:pStyle w:val="Heading1"/>
        <w:rPr>
          <w:b/>
          <w:bCs/>
        </w:rPr>
      </w:pPr>
      <w:bookmarkStart w:id="2" w:name="_Toc66110013"/>
      <w:r>
        <w:t>Django – Design Philosophies</w:t>
      </w:r>
      <w:bookmarkEnd w:id="2"/>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3" w:name="_Toc66110014"/>
      <w:r w:rsidRPr="002361B3">
        <w:rPr>
          <w:rFonts w:eastAsia="Times New Roman"/>
        </w:rPr>
        <w:t>Advantages of Django</w:t>
      </w:r>
      <w:bookmarkEnd w:id="3"/>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1CAB5C32" w:rsid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lastRenderedPageBreak/>
        <w:t>Object-Relational Mapping (ORM) Support</w:t>
      </w:r>
      <w:r w:rsidRPr="002361B3">
        <w:rPr>
          <w:rFonts w:ascii="Verdana" w:eastAsia="Times New Roman" w:hAnsi="Verdana" w:cs="Times New Roman"/>
          <w:color w:val="000000"/>
          <w:sz w:val="21"/>
          <w:szCs w:val="21"/>
        </w:rPr>
        <w:t> − Django provides a bridge between the data model and the database engine, and supports a large set of database systems including MySQL, Oracle, Postgres, etc. Django also supports NoSQL database through Django-nonrel fork. For now, the only NoSQL databases supported are MongoDB and google app engine.</w:t>
      </w:r>
    </w:p>
    <w:p w14:paraId="74FCA3B5" w14:textId="1B2143C7" w:rsidR="00BB008A" w:rsidRDefault="00BB008A" w:rsidP="00BB008A">
      <w:pPr>
        <w:spacing w:after="144" w:line="360" w:lineRule="atLeast"/>
        <w:ind w:right="48"/>
        <w:jc w:val="both"/>
        <w:rPr>
          <w:rFonts w:ascii="Verdana" w:eastAsia="Times New Roman" w:hAnsi="Verdana" w:cs="Times New Roman"/>
          <w:color w:val="000000"/>
          <w:sz w:val="21"/>
          <w:szCs w:val="21"/>
        </w:rPr>
      </w:pPr>
    </w:p>
    <w:p w14:paraId="2B10BD1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3C342A0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gt;   Django   --&gt; DB</w:t>
      </w:r>
    </w:p>
    <w:p w14:paraId="383DFBC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RM : Relation between python and DB</w:t>
      </w:r>
    </w:p>
    <w:p w14:paraId="3CEFFC72"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DB:</w:t>
      </w:r>
    </w:p>
    <w:p w14:paraId="5DB4796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                                     </w:t>
      </w:r>
    </w:p>
    <w:p w14:paraId="6FA1618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CLASS                                         TABLE  </w:t>
      </w:r>
    </w:p>
    <w:p w14:paraId="1D26F8A5" w14:textId="16DAA102"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COLUMNS</w:t>
      </w:r>
    </w:p>
    <w:p w14:paraId="7B1D96CC"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cts                                        Row</w:t>
      </w:r>
    </w:p>
    <w:p w14:paraId="392F0D8A"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5D2743AB"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For every table there is  a class</w:t>
      </w:r>
    </w:p>
    <w:p w14:paraId="465BDD79"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4D4C497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Class is related to Table</w:t>
      </w:r>
    </w:p>
    <w:p w14:paraId="02AA4FC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are related to columns</w:t>
      </w:r>
    </w:p>
    <w:p w14:paraId="5AC2D244" w14:textId="46E405C9"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ects are rel</w:t>
      </w:r>
      <w:r w:rsidR="00142029">
        <w:rPr>
          <w:rFonts w:ascii="Verdana" w:eastAsia="Times New Roman" w:hAnsi="Verdana" w:cs="Times New Roman"/>
          <w:color w:val="000000"/>
          <w:sz w:val="21"/>
          <w:szCs w:val="21"/>
        </w:rPr>
        <w:t>a</w:t>
      </w:r>
      <w:r w:rsidRPr="00BB008A">
        <w:rPr>
          <w:rFonts w:ascii="Verdana" w:eastAsia="Times New Roman" w:hAnsi="Verdana" w:cs="Times New Roman"/>
          <w:color w:val="000000"/>
          <w:sz w:val="21"/>
          <w:szCs w:val="21"/>
        </w:rPr>
        <w:t>ted to Row.</w:t>
      </w:r>
    </w:p>
    <w:p w14:paraId="7F096028"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25BACD2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Req:</w:t>
      </w:r>
    </w:p>
    <w:p w14:paraId="0A5C225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 have a table with 60 columns ..  i need to read the 60 values and set inside te object</w:t>
      </w:r>
    </w:p>
    <w:p w14:paraId="6EBCD59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1D290B">
        <w:rPr>
          <w:rFonts w:ascii="Verdana" w:eastAsia="Times New Roman" w:hAnsi="Verdana" w:cs="Times New Roman"/>
          <w:b/>
          <w:bCs/>
          <w:color w:val="000000"/>
          <w:sz w:val="21"/>
          <w:szCs w:val="21"/>
        </w:rPr>
        <w:t>solution:</w:t>
      </w:r>
      <w:r w:rsidRPr="00BB008A">
        <w:rPr>
          <w:rFonts w:ascii="Verdana" w:eastAsia="Times New Roman" w:hAnsi="Verdana" w:cs="Times New Roman"/>
          <w:color w:val="000000"/>
          <w:sz w:val="21"/>
          <w:szCs w:val="21"/>
        </w:rPr>
        <w:t xml:space="preserve"> [mapping from row to python obj]</w:t>
      </w:r>
    </w:p>
    <w:p w14:paraId="5D5C1677"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without django : write 60 lines</w:t>
      </w:r>
    </w:p>
    <w:p w14:paraId="6631E7DB" w14:textId="1515CD12" w:rsid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with django : write 1 line</w:t>
      </w:r>
    </w:p>
    <w:p w14:paraId="0068F5A6" w14:textId="55A48711" w:rsidR="00942C9D" w:rsidRDefault="00942C9D" w:rsidP="00BB008A">
      <w:pPr>
        <w:spacing w:after="144" w:line="360" w:lineRule="atLeast"/>
        <w:ind w:right="48"/>
        <w:jc w:val="both"/>
        <w:rPr>
          <w:rFonts w:ascii="Verdana" w:eastAsia="Times New Roman" w:hAnsi="Verdana" w:cs="Times New Roman"/>
          <w:color w:val="000000"/>
          <w:sz w:val="21"/>
          <w:szCs w:val="21"/>
        </w:rPr>
      </w:pPr>
    </w:p>
    <w:p w14:paraId="240EE537" w14:textId="77777777" w:rsidR="00942C9D" w:rsidRP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lastRenderedPageBreak/>
        <w:t>with djnago you dont need to write the sql queries . call the methods provided by ORM .</w:t>
      </w:r>
    </w:p>
    <w:p w14:paraId="23DE8600" w14:textId="2D797297" w:rsid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the sql queries are taken care by orm.</w:t>
      </w:r>
    </w:p>
    <w:p w14:paraId="1DAF00B8" w14:textId="49DC8AE8" w:rsidR="00236E23" w:rsidRDefault="004A5FA6" w:rsidP="00942C9D">
      <w:pPr>
        <w:spacing w:after="144" w:line="360" w:lineRule="atLeast"/>
        <w:ind w:right="48"/>
        <w:jc w:val="both"/>
        <w:rPr>
          <w:rFonts w:ascii="Verdana" w:eastAsia="Times New Roman" w:hAnsi="Verdana" w:cs="Times New Roman"/>
          <w:color w:val="000000"/>
          <w:sz w:val="21"/>
          <w:szCs w:val="21"/>
        </w:rPr>
      </w:pPr>
      <w:r w:rsidRPr="004A5FA6">
        <w:rPr>
          <w:rFonts w:ascii="Verdana" w:eastAsia="Times New Roman" w:hAnsi="Verdana" w:cs="Times New Roman"/>
          <w:color w:val="000000"/>
          <w:sz w:val="21"/>
          <w:szCs w:val="21"/>
        </w:rPr>
        <w:t>- if you provide the python obj then orm will convert the obj to the ro</w:t>
      </w:r>
      <w:r w:rsidR="00236E23">
        <w:rPr>
          <w:rFonts w:ascii="Verdana" w:eastAsia="Times New Roman" w:hAnsi="Verdana" w:cs="Times New Roman"/>
          <w:color w:val="000000"/>
          <w:sz w:val="21"/>
          <w:szCs w:val="21"/>
        </w:rPr>
        <w:t>w</w:t>
      </w:r>
    </w:p>
    <w:p w14:paraId="0F839345"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45B577E9"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3.</w:t>
      </w:r>
    </w:p>
    <w:p w14:paraId="5DC6082C"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gt; Read all employees</w:t>
      </w:r>
    </w:p>
    <w:p w14:paraId="11347AB8"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emp tabl has 50 columns.</w:t>
      </w:r>
    </w:p>
    <w:p w14:paraId="2554AC8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there are 100 rows.</w:t>
      </w:r>
    </w:p>
    <w:p w14:paraId="3C6C708B"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27265DB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w:t>
      </w:r>
    </w:p>
    <w:p w14:paraId="05E6DBF4"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 will convert every row to the object.[keep column info in the object]</w:t>
      </w:r>
    </w:p>
    <w:p w14:paraId="2CC9D327" w14:textId="0490CD47" w:rsid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every object is stored inside the list.[keep every row inside the list]</w:t>
      </w:r>
    </w:p>
    <w:p w14:paraId="5A27B2CC" w14:textId="77777777" w:rsidR="001E260F" w:rsidRPr="002361B3" w:rsidRDefault="001E260F" w:rsidP="00BB008A">
      <w:pPr>
        <w:spacing w:after="144" w:line="360" w:lineRule="atLeast"/>
        <w:ind w:right="48"/>
        <w:jc w:val="both"/>
        <w:rPr>
          <w:rFonts w:ascii="Verdana" w:eastAsia="Times New Roman" w:hAnsi="Verdana" w:cs="Times New Roman"/>
          <w:color w:val="000000"/>
          <w:sz w:val="21"/>
          <w:szCs w:val="21"/>
        </w:rPr>
      </w:pP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 Django supports multilingual websites through its built-in internationalization system. So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0C8D94E3" w:rsidR="001E41A2" w:rsidRDefault="001E41A2" w:rsidP="00C02C54"/>
    <w:p w14:paraId="0010082E" w14:textId="77777777" w:rsidR="006F4238" w:rsidRPr="006F4238" w:rsidRDefault="006F4238" w:rsidP="006F4238">
      <w:pPr>
        <w:rPr>
          <w:b/>
          <w:bCs/>
        </w:rPr>
      </w:pPr>
      <w:r w:rsidRPr="006F4238">
        <w:rPr>
          <w:b/>
          <w:bCs/>
        </w:rPr>
        <w:t>Goal to develop web application:</w:t>
      </w:r>
    </w:p>
    <w:p w14:paraId="0216782C" w14:textId="093F19B1" w:rsidR="006F4238" w:rsidRDefault="006F4238" w:rsidP="006F4238">
      <w:r w:rsidRPr="006F4238">
        <w:rPr>
          <w:b/>
          <w:bCs/>
        </w:rPr>
        <w:t xml:space="preserve"> </w:t>
      </w:r>
    </w:p>
    <w:p w14:paraId="330CF0F3" w14:textId="77777777" w:rsidR="006F4238" w:rsidRPr="006F4238" w:rsidRDefault="006F4238" w:rsidP="006F4238">
      <w:pPr>
        <w:rPr>
          <w:b/>
          <w:bCs/>
        </w:rPr>
      </w:pPr>
      <w:r w:rsidRPr="006F4238">
        <w:rPr>
          <w:b/>
          <w:bCs/>
        </w:rPr>
        <w:t>Front End:</w:t>
      </w:r>
    </w:p>
    <w:p w14:paraId="12846DEB" w14:textId="77777777" w:rsidR="006F4238" w:rsidRDefault="006F4238" w:rsidP="006F4238">
      <w:r>
        <w:t>- HTML , CSS , Java script , angular js , node js.</w:t>
      </w:r>
    </w:p>
    <w:p w14:paraId="7D799740" w14:textId="77777777" w:rsidR="006F4238" w:rsidRDefault="006F4238" w:rsidP="006F4238"/>
    <w:p w14:paraId="3CAC6C02" w14:textId="77777777" w:rsidR="006F4238" w:rsidRPr="006F4238" w:rsidRDefault="006F4238" w:rsidP="006F4238">
      <w:pPr>
        <w:rPr>
          <w:b/>
          <w:bCs/>
        </w:rPr>
      </w:pPr>
      <w:r w:rsidRPr="006F4238">
        <w:rPr>
          <w:b/>
          <w:bCs/>
        </w:rPr>
        <w:t>BackEnd:</w:t>
      </w:r>
    </w:p>
    <w:p w14:paraId="3DB86903" w14:textId="77777777" w:rsidR="006F4238" w:rsidRDefault="006F4238" w:rsidP="006F4238">
      <w:r>
        <w:t>- Python</w:t>
      </w:r>
    </w:p>
    <w:p w14:paraId="66A15B39" w14:textId="77777777" w:rsidR="006F4238" w:rsidRDefault="006F4238" w:rsidP="006F4238">
      <w:r>
        <w:t>- Django [web handling , ORM , etc....]</w:t>
      </w:r>
    </w:p>
    <w:p w14:paraId="57359051" w14:textId="77777777" w:rsidR="006F4238" w:rsidRDefault="006F4238" w:rsidP="006F4238">
      <w:r>
        <w:t>- Data base .ex: oracle, sql server, etc..</w:t>
      </w:r>
    </w:p>
    <w:p w14:paraId="3CEE61DF" w14:textId="77777777" w:rsidR="006F4238" w:rsidRDefault="006F4238" w:rsidP="006F4238">
      <w:r>
        <w:t xml:space="preserve">- Web services </w:t>
      </w:r>
    </w:p>
    <w:p w14:paraId="202D77D0" w14:textId="77777777" w:rsidR="006F4238" w:rsidRDefault="006F4238" w:rsidP="006F4238"/>
    <w:p w14:paraId="0B5A2B33" w14:textId="77777777" w:rsidR="006F4238" w:rsidRDefault="006F4238" w:rsidP="006F4238"/>
    <w:p w14:paraId="2E957067" w14:textId="77777777" w:rsidR="006F4238" w:rsidRDefault="006F4238" w:rsidP="00C02C54"/>
    <w:p w14:paraId="7E8884E3" w14:textId="35777654" w:rsidR="00BC3A76" w:rsidRDefault="00BC3A76" w:rsidP="00A5307E">
      <w:pPr>
        <w:pStyle w:val="Heading1"/>
      </w:pPr>
      <w:bookmarkStart w:id="4" w:name="_Toc66110015"/>
      <w:r>
        <w:t>DJANGO MVC - MVT Pattern</w:t>
      </w:r>
      <w:bookmarkEnd w:id="4"/>
    </w:p>
    <w:p w14:paraId="484B04ED" w14:textId="77777777" w:rsidR="004C500F" w:rsidRDefault="004C500F" w:rsidP="004C500F">
      <w:r>
        <w:t>Django uses the MVT pattern.</w:t>
      </w:r>
    </w:p>
    <w:p w14:paraId="0108E25A" w14:textId="77777777" w:rsidR="004C500F" w:rsidRDefault="004C500F" w:rsidP="004C500F">
      <w:r>
        <w:t xml:space="preserve">MVT :The Model-View-Template </w:t>
      </w:r>
    </w:p>
    <w:p w14:paraId="4CE03989" w14:textId="77777777" w:rsidR="004C500F" w:rsidRDefault="004C500F" w:rsidP="004C500F"/>
    <w:p w14:paraId="510C285E" w14:textId="1D54564A" w:rsidR="004C500F" w:rsidRDefault="004C500F" w:rsidP="004C500F">
      <w:r>
        <w:t xml:space="preserve">Template : Produces the response to the customer ex: html </w:t>
      </w:r>
      <w:r w:rsidR="00B11318">
        <w:t xml:space="preserve"> + </w:t>
      </w:r>
      <w:r w:rsidR="00B11318" w:rsidRPr="001A1005">
        <w:t>Django Template Language (DTL).</w:t>
      </w:r>
    </w:p>
    <w:p w14:paraId="5A757D28" w14:textId="77777777" w:rsidR="004C500F" w:rsidRDefault="004C500F" w:rsidP="004C500F">
      <w:r>
        <w:t>Model : service code or business or DB modeling</w:t>
      </w:r>
    </w:p>
    <w:p w14:paraId="43034CDB" w14:textId="456315F9" w:rsidR="004C500F" w:rsidRDefault="004C500F" w:rsidP="004C500F">
      <w:r>
        <w:t>View: Web handling code [ request capturing + request deligation + redirecting to the templates ]</w:t>
      </w:r>
    </w:p>
    <w:p w14:paraId="054ED989" w14:textId="77777777" w:rsidR="004C500F" w:rsidRPr="004C500F" w:rsidRDefault="004C500F" w:rsidP="004C500F"/>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The Model-View-Template (MVT) is slightly different from MVC. In fact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lastRenderedPageBreak/>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7E46C01C" w14:textId="77777777" w:rsidR="00450E3A" w:rsidRPr="00450E3A"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 xml:space="preserve">The developer provides the Model, the view and the template </w:t>
      </w:r>
    </w:p>
    <w:p w14:paraId="6D2DDA2B" w14:textId="77777777" w:rsidR="00444AAE"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then just maps it to a URL and Django takes care of serving the request.</w:t>
      </w:r>
    </w:p>
    <w:p w14:paraId="0BEC334D" w14:textId="77777777" w:rsidR="00444AAE" w:rsidRDefault="00444AAE" w:rsidP="00450E3A">
      <w:pPr>
        <w:ind w:firstLine="720"/>
        <w:rPr>
          <w:rFonts w:ascii="Verdana" w:hAnsi="Verdana"/>
          <w:color w:val="000000"/>
          <w:sz w:val="23"/>
          <w:szCs w:val="23"/>
          <w:shd w:val="clear" w:color="auto" w:fill="FFFFFF"/>
        </w:rPr>
      </w:pPr>
    </w:p>
    <w:p w14:paraId="57D54E2B" w14:textId="13179CEF" w:rsidR="00DB5EF2" w:rsidRDefault="00ED542F" w:rsidP="00450E3A">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3C823258" w:rsidR="00ED118B" w:rsidRDefault="00ED118B" w:rsidP="00BC3A76">
      <w:pPr>
        <w:ind w:firstLine="720"/>
      </w:pPr>
    </w:p>
    <w:p w14:paraId="69D23B3A" w14:textId="77777777" w:rsidR="00930129" w:rsidRDefault="00930129" w:rsidP="00BC3A76">
      <w:pPr>
        <w:ind w:firstLine="720"/>
      </w:pPr>
    </w:p>
    <w:p w14:paraId="1A181D34" w14:textId="2A251D3F" w:rsidR="00215708" w:rsidRDefault="00215708" w:rsidP="00BC3A76">
      <w:pPr>
        <w:ind w:firstLine="720"/>
      </w:pPr>
    </w:p>
    <w:p w14:paraId="0FE97DB5" w14:textId="5E3BDB32" w:rsidR="00A5307E" w:rsidRDefault="0000575F" w:rsidP="00A5307E">
      <w:pPr>
        <w:pStyle w:val="Heading1"/>
      </w:pPr>
      <w:bookmarkStart w:id="5" w:name="_Toc66110016"/>
      <w:r>
        <w:lastRenderedPageBreak/>
        <w:t>S</w:t>
      </w:r>
      <w:r w:rsidR="00A5307E">
        <w:t>etup</w:t>
      </w:r>
      <w:r>
        <w:t xml:space="preserve"> -</w:t>
      </w:r>
      <w:r w:rsidRPr="00D51337">
        <w:t xml:space="preserve"> </w:t>
      </w:r>
      <w:r w:rsidRPr="00D51337">
        <w:t>Virtual env</w:t>
      </w:r>
      <w:bookmarkEnd w:id="5"/>
    </w:p>
    <w:p w14:paraId="60CA83C0" w14:textId="03A2998E" w:rsidR="00215708" w:rsidRDefault="00215708" w:rsidP="00215708">
      <w:r>
        <w:t>Check PIP version</w:t>
      </w:r>
    </w:p>
    <w:p w14:paraId="542D4BB8" w14:textId="732C456B" w:rsidR="00215708" w:rsidRPr="007F12E8" w:rsidRDefault="00215708" w:rsidP="00215708">
      <w:pPr>
        <w:ind w:firstLine="720"/>
        <w:rPr>
          <w:b/>
        </w:rPr>
      </w:pPr>
      <w:r w:rsidRPr="007F12E8">
        <w:rPr>
          <w:b/>
        </w:rPr>
        <w:t>pip –</w:t>
      </w:r>
      <w:r w:rsidR="00252E61">
        <w:rPr>
          <w:b/>
        </w:rPr>
        <w:t>-</w:t>
      </w:r>
      <w:r w:rsidRPr="007F12E8">
        <w:rPr>
          <w:b/>
        </w:rPr>
        <w:t>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5DF1F663" w:rsidR="00215708" w:rsidRDefault="00215708" w:rsidP="00215708">
      <w:r>
        <w:t>check Django version</w:t>
      </w:r>
    </w:p>
    <w:p w14:paraId="26861F57" w14:textId="2C554408" w:rsidR="00183E8C" w:rsidRPr="00183E8C" w:rsidRDefault="00183E8C" w:rsidP="00215708">
      <w:pPr>
        <w:rPr>
          <w:b/>
          <w:bCs/>
        </w:rPr>
      </w:pPr>
      <w:r w:rsidRPr="00183E8C">
        <w:rPr>
          <w:b/>
          <w:bCs/>
        </w:rPr>
        <w:t>python -m django --version</w:t>
      </w:r>
    </w:p>
    <w:p w14:paraId="6FBBDE52" w14:textId="77777777" w:rsidR="00DC118F" w:rsidRPr="007C5E04" w:rsidRDefault="00DC118F" w:rsidP="00DC118F">
      <w:pPr>
        <w:rPr>
          <w:b/>
          <w:bCs/>
        </w:rPr>
      </w:pPr>
      <w:r w:rsidRPr="007C5E04">
        <w:rPr>
          <w:b/>
          <w:bCs/>
        </w:rPr>
        <w:t>django-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pip install virtualenvwrapper-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r>
        <w:t>mkvirtualenv mytest</w:t>
      </w:r>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5169AB5C" w:rsidR="00215708" w:rsidRPr="00D51337" w:rsidRDefault="00215708" w:rsidP="00D51337">
      <w:pPr>
        <w:pStyle w:val="Heading1"/>
      </w:pPr>
      <w:bookmarkStart w:id="6" w:name="_Toc66110017"/>
      <w:r w:rsidRPr="00D51337">
        <w:t xml:space="preserve">Install </w:t>
      </w:r>
      <w:r w:rsidR="008F2E77" w:rsidRPr="00D51337">
        <w:t>Django</w:t>
      </w:r>
      <w:bookmarkEnd w:id="6"/>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r w:rsidRPr="006F465D">
        <w:t>django-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r w:rsidRPr="006772F2">
        <w:t>C:\Users\i335484\AppData\Local\Programs\Python\Python37-32\Lib\site-packages\django\bin</w:t>
      </w:r>
      <w:r>
        <w:t xml:space="preserve">  to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7" w:name="_Toc66110018"/>
      <w:r>
        <w:t>STEPS</w:t>
      </w:r>
      <w:bookmarkEnd w:id="7"/>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C:\Users\i335484&gt;pip install virtualenvwrapper-win</w:t>
      </w:r>
    </w:p>
    <w:p w14:paraId="22831B50" w14:textId="77777777" w:rsidR="00215708" w:rsidRDefault="00215708" w:rsidP="00215708">
      <w:r w:rsidRPr="000E0DA1">
        <w:t>C:\Users\i335484&gt;mkvirtualenv mytest</w:t>
      </w:r>
    </w:p>
    <w:p w14:paraId="1ABB9C03" w14:textId="77777777" w:rsidR="00215708" w:rsidRDefault="00215708" w:rsidP="00215708">
      <w:r>
        <w:t>(mytest) C:\Users\i335484&gt;</w:t>
      </w:r>
    </w:p>
    <w:p w14:paraId="2A5CF1AA" w14:textId="77777777" w:rsidR="00215708" w:rsidRDefault="00215708" w:rsidP="00215708">
      <w:r>
        <w:t>(mytest) C:\Users\i335484&gt;pip install django</w:t>
      </w:r>
      <w:r w:rsidRPr="00727833">
        <w:t xml:space="preserve"> </w:t>
      </w:r>
      <w:r>
        <w:t>(mytest) C:\Users\i335484&gt;mkdir myprojects</w:t>
      </w:r>
    </w:p>
    <w:p w14:paraId="4AAFC0AD" w14:textId="77777777" w:rsidR="00215708" w:rsidRDefault="00215708" w:rsidP="00215708"/>
    <w:p w14:paraId="537F9659" w14:textId="77777777" w:rsidR="00215708" w:rsidRDefault="00215708" w:rsidP="00215708">
      <w:r>
        <w:t>(mytest) C:\Users\i335484&gt;cd myprojects</w:t>
      </w:r>
    </w:p>
    <w:p w14:paraId="60B7A494" w14:textId="77777777" w:rsidR="00215708" w:rsidRDefault="00215708" w:rsidP="00215708">
      <w:r w:rsidRPr="00D457C5">
        <w:t>(mytest) C:\Users\i335484\myprojects&gt;django-admin startproject myProject</w:t>
      </w:r>
    </w:p>
    <w:p w14:paraId="0031B037" w14:textId="77777777" w:rsidR="00215708" w:rsidRDefault="00215708" w:rsidP="00215708"/>
    <w:p w14:paraId="0D41D76B" w14:textId="77777777" w:rsidR="00215708" w:rsidRDefault="00215708" w:rsidP="00215708"/>
    <w:p w14:paraId="31F1E882" w14:textId="77777777" w:rsidR="00215708" w:rsidRDefault="00215708" w:rsidP="00215708">
      <w:r>
        <w:t>Urls--</w:t>
      </w:r>
      <w:r>
        <w:sym w:font="Wingdings" w:char="F0E0"/>
      </w:r>
      <w:r>
        <w:t xml:space="preserve"> urls</w:t>
      </w:r>
    </w:p>
    <w:p w14:paraId="287193C4" w14:textId="77777777" w:rsidR="00215708" w:rsidRDefault="00215708" w:rsidP="00215708">
      <w:r w:rsidRPr="00312213">
        <w:t>Wsgi</w:t>
      </w:r>
      <w:r>
        <w:t xml:space="preserve"> -&gt; deploymnets</w:t>
      </w:r>
    </w:p>
    <w:p w14:paraId="283E9AE9" w14:textId="77777777" w:rsidR="00215708" w:rsidRDefault="00215708" w:rsidP="00215708"/>
    <w:p w14:paraId="04C9B088" w14:textId="77777777" w:rsidR="00215708" w:rsidRDefault="00215708" w:rsidP="00215708">
      <w:r w:rsidRPr="00001FD2">
        <w:t>(mytest) C:\Users\i335484\myprojects\myProject&gt;python manage.py runserver</w:t>
      </w:r>
    </w:p>
    <w:p w14:paraId="4885FF00" w14:textId="77777777" w:rsidR="00215708" w:rsidRDefault="00215708" w:rsidP="00215708"/>
    <w:p w14:paraId="57947DED" w14:textId="77777777" w:rsidR="00215708" w:rsidRDefault="00215708" w:rsidP="00215708">
      <w:r>
        <w:t>1.Import project to pycharm</w:t>
      </w:r>
    </w:p>
    <w:p w14:paraId="76AFC3DD" w14:textId="77777777" w:rsidR="00215708" w:rsidRDefault="00215708" w:rsidP="00215708">
      <w:r>
        <w:t>2.open the environment</w:t>
      </w:r>
    </w:p>
    <w:p w14:paraId="4FF9DC29" w14:textId="77777777" w:rsidR="00215708" w:rsidRDefault="00215708" w:rsidP="00215708">
      <w:r w:rsidRPr="00494998">
        <w:t>C:\Users\i335484\myprojects\myProject&gt;workon mytest</w:t>
      </w:r>
    </w:p>
    <w:p w14:paraId="3F7FF9DF" w14:textId="77777777" w:rsidR="00215708" w:rsidRDefault="00215708" w:rsidP="00215708">
      <w:r>
        <w:t xml:space="preserve">3.Create app </w:t>
      </w:r>
    </w:p>
    <w:p w14:paraId="2BA1A5D9" w14:textId="77777777" w:rsidR="00215708" w:rsidRDefault="00215708" w:rsidP="00215708">
      <w:r w:rsidRPr="000B391F">
        <w:t>(mytest) C:\Users\i335484\myprojects\myProject&gt;python manage.py startapp login</w:t>
      </w:r>
    </w:p>
    <w:p w14:paraId="73643465" w14:textId="77777777" w:rsidR="00215708" w:rsidRDefault="00215708" w:rsidP="00215708">
      <w:r>
        <w:lastRenderedPageBreak/>
        <w:t>4.add the app name under the settings.py under INSTALLED_APPS section of project.</w:t>
      </w:r>
    </w:p>
    <w:p w14:paraId="663AFA3B" w14:textId="0A269971" w:rsidR="00215708" w:rsidRDefault="00215708" w:rsidP="00215708"/>
    <w:p w14:paraId="05D93CED" w14:textId="7A02FE66" w:rsidR="00426B2A" w:rsidRDefault="00426B2A" w:rsidP="00215708"/>
    <w:p w14:paraId="5FE698FF" w14:textId="2C8857EA" w:rsidR="00426B2A" w:rsidRDefault="00426B2A" w:rsidP="00215708"/>
    <w:p w14:paraId="05A1675B" w14:textId="77777777" w:rsidR="00426B2A" w:rsidRDefault="00426B2A" w:rsidP="00215708"/>
    <w:p w14:paraId="4350834C" w14:textId="77777777" w:rsidR="005A566A" w:rsidRPr="00426B2A" w:rsidRDefault="005A566A" w:rsidP="005A566A">
      <w:pPr>
        <w:rPr>
          <w:b/>
          <w:bCs/>
        </w:rPr>
      </w:pPr>
      <w:r w:rsidRPr="00426B2A">
        <w:rPr>
          <w:b/>
          <w:bCs/>
        </w:rPr>
        <w:t>8.under myProject add the app name ‘login’ for  settings.py:</w:t>
      </w:r>
    </w:p>
    <w:p w14:paraId="02C9DF51" w14:textId="77777777" w:rsidR="005A566A" w:rsidRDefault="005A566A" w:rsidP="005A566A"/>
    <w:p w14:paraId="1588DEB3" w14:textId="77777777" w:rsidR="005A566A" w:rsidRDefault="005A566A" w:rsidP="005A566A">
      <w:r>
        <w:t>INSTALLED_APPS = [</w:t>
      </w:r>
    </w:p>
    <w:p w14:paraId="3ED43C51" w14:textId="77777777" w:rsidR="005A566A" w:rsidRDefault="005A566A" w:rsidP="005A566A">
      <w:r>
        <w:t xml:space="preserve">    'django.contrib.admin',</w:t>
      </w:r>
    </w:p>
    <w:p w14:paraId="6F1ABE3F" w14:textId="77777777" w:rsidR="005A566A" w:rsidRDefault="005A566A" w:rsidP="005A566A">
      <w:r>
        <w:t xml:space="preserve">    'django.contrib.auth',</w:t>
      </w:r>
    </w:p>
    <w:p w14:paraId="70017A62" w14:textId="77777777" w:rsidR="005A566A" w:rsidRDefault="005A566A" w:rsidP="005A566A">
      <w:r>
        <w:t xml:space="preserve">    'django.contrib.contenttypes',</w:t>
      </w:r>
    </w:p>
    <w:p w14:paraId="03C0F96A" w14:textId="77777777" w:rsidR="005A566A" w:rsidRDefault="005A566A" w:rsidP="005A566A">
      <w:r>
        <w:t xml:space="preserve">    'django.contrib.sessions',</w:t>
      </w:r>
    </w:p>
    <w:p w14:paraId="1D2D1C12" w14:textId="77777777" w:rsidR="005A566A" w:rsidRDefault="005A566A" w:rsidP="005A566A">
      <w:r>
        <w:t xml:space="preserve">    'django.contrib.messages',</w:t>
      </w:r>
    </w:p>
    <w:p w14:paraId="669A99BB" w14:textId="77777777" w:rsidR="005A566A" w:rsidRDefault="005A566A" w:rsidP="005A566A">
      <w:r>
        <w:t xml:space="preserve">    'django.contrib.staticfiles',</w:t>
      </w:r>
    </w:p>
    <w:p w14:paraId="540887CE" w14:textId="77777777" w:rsidR="005A566A" w:rsidRDefault="005A566A" w:rsidP="005A566A">
      <w:r>
        <w:t xml:space="preserve">    'login'</w:t>
      </w:r>
    </w:p>
    <w:p w14:paraId="664EC0C0" w14:textId="77777777" w:rsidR="005A566A" w:rsidRDefault="005A566A" w:rsidP="005A566A">
      <w:r>
        <w:t>]</w:t>
      </w:r>
    </w:p>
    <w:p w14:paraId="76457A8F" w14:textId="77777777" w:rsidR="005A566A" w:rsidRDefault="005A566A" w:rsidP="005A566A"/>
    <w:p w14:paraId="627BC6F8" w14:textId="77777777" w:rsidR="005A566A" w:rsidRPr="00426B2A" w:rsidRDefault="005A566A" w:rsidP="005A566A">
      <w:pPr>
        <w:rPr>
          <w:b/>
          <w:bCs/>
        </w:rPr>
      </w:pPr>
      <w:r w:rsidRPr="00426B2A">
        <w:rPr>
          <w:b/>
          <w:bCs/>
        </w:rPr>
        <w:t>9.By default sqllite3 DB is alreday configured for Django.</w:t>
      </w:r>
    </w:p>
    <w:p w14:paraId="418CFE39" w14:textId="77777777" w:rsidR="005A566A" w:rsidRDefault="005A566A" w:rsidP="005A566A">
      <w:r>
        <w:t>Refer:</w:t>
      </w:r>
    </w:p>
    <w:p w14:paraId="59019A49" w14:textId="77777777" w:rsidR="005A566A" w:rsidRDefault="005A566A" w:rsidP="005A566A">
      <w:r>
        <w:t>DATABASES = {</w:t>
      </w:r>
    </w:p>
    <w:p w14:paraId="2D88CA99" w14:textId="77777777" w:rsidR="005A566A" w:rsidRDefault="005A566A" w:rsidP="005A566A">
      <w:r>
        <w:t xml:space="preserve">    'default': {</w:t>
      </w:r>
    </w:p>
    <w:p w14:paraId="73D10E85" w14:textId="77777777" w:rsidR="005A566A" w:rsidRDefault="005A566A" w:rsidP="005A566A">
      <w:r>
        <w:t xml:space="preserve">        'ENGINE': 'django.db.backends.sqlite3',</w:t>
      </w:r>
    </w:p>
    <w:p w14:paraId="3626F456" w14:textId="77777777" w:rsidR="005A566A" w:rsidRDefault="005A566A" w:rsidP="005A566A">
      <w:r>
        <w:t xml:space="preserve">        'NAME': os.path.join(BASE_DIR, 'db.sqlite3'),</w:t>
      </w:r>
    </w:p>
    <w:p w14:paraId="0F785000" w14:textId="77777777" w:rsidR="005A566A" w:rsidRDefault="005A566A" w:rsidP="005A566A">
      <w:r>
        <w:t xml:space="preserve">    }</w:t>
      </w:r>
    </w:p>
    <w:p w14:paraId="15A1D1CA" w14:textId="77777777" w:rsidR="005A566A" w:rsidRDefault="005A566A" w:rsidP="005A566A">
      <w:r>
        <w:t>}</w:t>
      </w:r>
    </w:p>
    <w:p w14:paraId="7BF9F84A" w14:textId="77777777" w:rsidR="005A566A" w:rsidRDefault="005A566A" w:rsidP="005A566A"/>
    <w:p w14:paraId="3FB71AC8" w14:textId="77777777" w:rsidR="005A566A" w:rsidRDefault="005A566A" w:rsidP="005A566A"/>
    <w:p w14:paraId="7FA8DFE4" w14:textId="6E8B33B5" w:rsidR="00215708" w:rsidRDefault="005A566A" w:rsidP="005A566A">
      <w:r>
        <w:t>In future if we want to change the db, we need to chage above entries.</w:t>
      </w:r>
    </w:p>
    <w:p w14:paraId="0CA227BD" w14:textId="7D21563D" w:rsidR="00215708" w:rsidRDefault="00215708" w:rsidP="00215708"/>
    <w:p w14:paraId="312388AE" w14:textId="77777777" w:rsidR="0032024A" w:rsidRPr="0032024A" w:rsidRDefault="0032024A" w:rsidP="0032024A">
      <w:pPr>
        <w:rPr>
          <w:b/>
          <w:bCs/>
        </w:rPr>
      </w:pPr>
      <w:r w:rsidRPr="0032024A">
        <w:rPr>
          <w:b/>
          <w:bCs/>
        </w:rPr>
        <w:lastRenderedPageBreak/>
        <w:t>10.create urls.py file under the login</w:t>
      </w:r>
    </w:p>
    <w:p w14:paraId="2F345266" w14:textId="77777777" w:rsidR="0032024A" w:rsidRDefault="0032024A" w:rsidP="0032024A">
      <w:r>
        <w:t>from django.urls import path</w:t>
      </w:r>
    </w:p>
    <w:p w14:paraId="0549DB5D" w14:textId="77777777" w:rsidR="0032024A" w:rsidRDefault="0032024A" w:rsidP="0032024A">
      <w:r>
        <w:t>from . import views</w:t>
      </w:r>
    </w:p>
    <w:p w14:paraId="7D713D1F" w14:textId="77777777" w:rsidR="0032024A" w:rsidRDefault="0032024A" w:rsidP="0032024A">
      <w:r>
        <w:t>urlpatterns = [</w:t>
      </w:r>
    </w:p>
    <w:p w14:paraId="7C42D342" w14:textId="7609AD02" w:rsidR="0032024A" w:rsidRDefault="0032024A" w:rsidP="0032024A">
      <w:r>
        <w:t>]</w:t>
      </w:r>
    </w:p>
    <w:p w14:paraId="6C3F2697" w14:textId="77777777" w:rsidR="006609CF" w:rsidRDefault="006609CF" w:rsidP="0032024A"/>
    <w:p w14:paraId="73227A9D" w14:textId="1F15591C" w:rsidR="00215708" w:rsidRPr="009070D8" w:rsidRDefault="009070D8" w:rsidP="00215708">
      <w:pPr>
        <w:rPr>
          <w:b/>
          <w:bCs/>
        </w:rPr>
      </w:pPr>
      <w:r w:rsidRPr="009070D8">
        <w:rPr>
          <w:b/>
          <w:bCs/>
        </w:rPr>
        <w:t>11.</w:t>
      </w:r>
      <w:r w:rsidR="00215708" w:rsidRPr="009070D8">
        <w:rPr>
          <w:b/>
          <w:bCs/>
        </w:rPr>
        <w:t>use include for urls.py under myProject</w:t>
      </w:r>
    </w:p>
    <w:p w14:paraId="744B3A0F" w14:textId="77777777" w:rsidR="00C271DD" w:rsidRDefault="00C271DD" w:rsidP="00C271DD">
      <w:r>
        <w:t>11. include the 'login.urls.py' path inside the myproject &gt; urls.py .</w:t>
      </w:r>
    </w:p>
    <w:p w14:paraId="4F79A19B" w14:textId="77777777" w:rsidR="00C271DD" w:rsidRDefault="00C271DD" w:rsidP="00C271DD"/>
    <w:p w14:paraId="0839A7B4" w14:textId="3E4AEC0D" w:rsidR="00C271DD" w:rsidRDefault="00C271DD" w:rsidP="00C271DD">
      <w:r>
        <w:t>urls.py inside the myproject:</w:t>
      </w:r>
    </w:p>
    <w:p w14:paraId="5B4E74A1" w14:textId="1DFA504A" w:rsidR="00237D39" w:rsidRDefault="00237D39" w:rsidP="00C271DD">
      <w:r>
        <w:t>---------------------------------</w:t>
      </w:r>
    </w:p>
    <w:p w14:paraId="7D5512CC" w14:textId="77777777" w:rsidR="00C271DD" w:rsidRDefault="00C271DD" w:rsidP="00C271DD">
      <w:r>
        <w:t>from django.contrib import admin</w:t>
      </w:r>
    </w:p>
    <w:p w14:paraId="43BF0E60" w14:textId="77777777" w:rsidR="00C271DD" w:rsidRDefault="00C271DD" w:rsidP="00C271DD">
      <w:r>
        <w:t>from django.urls import path , include</w:t>
      </w:r>
    </w:p>
    <w:p w14:paraId="139752DE" w14:textId="77777777" w:rsidR="00C271DD" w:rsidRDefault="00C271DD" w:rsidP="00C271DD"/>
    <w:p w14:paraId="2F52C7E5" w14:textId="77777777" w:rsidR="00C271DD" w:rsidRDefault="00C271DD" w:rsidP="00C271DD">
      <w:r>
        <w:t>urlpatterns = [</w:t>
      </w:r>
    </w:p>
    <w:p w14:paraId="15CB6D57" w14:textId="77777777" w:rsidR="00C271DD" w:rsidRDefault="00C271DD" w:rsidP="00C271DD">
      <w:r>
        <w:t xml:space="preserve">    path('admin/', admin.site.urls),</w:t>
      </w:r>
    </w:p>
    <w:p w14:paraId="382E7195" w14:textId="77777777" w:rsidR="00C271DD" w:rsidRDefault="00C271DD" w:rsidP="00C271DD">
      <w:r>
        <w:t xml:space="preserve">    path('login/', include('login.urls'))</w:t>
      </w:r>
    </w:p>
    <w:p w14:paraId="54F7BAAE" w14:textId="5833EA08" w:rsidR="0026189B" w:rsidRDefault="00C271DD" w:rsidP="00C271DD">
      <w:r>
        <w:t xml:space="preserve">     ]</w:t>
      </w:r>
    </w:p>
    <w:p w14:paraId="5AA61A82" w14:textId="3153D2C1" w:rsidR="00576701" w:rsidRDefault="00576701" w:rsidP="00C271DD"/>
    <w:p w14:paraId="77C914AB" w14:textId="6C9FDEAF" w:rsidR="00576701" w:rsidRDefault="00576701" w:rsidP="00C271DD">
      <w:pPr>
        <w:rPr>
          <w:b/>
          <w:bCs/>
        </w:rPr>
      </w:pPr>
      <w:r w:rsidRPr="00B65154">
        <w:rPr>
          <w:b/>
          <w:bCs/>
        </w:rPr>
        <w:t>12.create the templates folder under the 'login'</w:t>
      </w:r>
    </w:p>
    <w:p w14:paraId="4C2EC254" w14:textId="38E1F9F1" w:rsidR="00171814" w:rsidRDefault="00171814" w:rsidP="00C271DD">
      <w:pPr>
        <w:rPr>
          <w:b/>
          <w:bCs/>
        </w:rPr>
      </w:pPr>
    </w:p>
    <w:p w14:paraId="503E5BD4" w14:textId="0355C696" w:rsidR="00171814" w:rsidRDefault="00171814" w:rsidP="00C271DD">
      <w:pPr>
        <w:rPr>
          <w:b/>
          <w:bCs/>
        </w:rPr>
      </w:pPr>
    </w:p>
    <w:p w14:paraId="760A9797" w14:textId="77777777" w:rsidR="00171814" w:rsidRPr="00171814" w:rsidRDefault="00171814" w:rsidP="00171814">
      <w:pPr>
        <w:rPr>
          <w:b/>
          <w:bCs/>
        </w:rPr>
      </w:pPr>
      <w:r w:rsidRPr="00171814">
        <w:rPr>
          <w:b/>
          <w:bCs/>
        </w:rPr>
        <w:t>Req:</w:t>
      </w:r>
    </w:p>
    <w:p w14:paraId="0F6665CF" w14:textId="77777777" w:rsidR="00171814" w:rsidRPr="00171814" w:rsidRDefault="00171814" w:rsidP="00171814">
      <w:pPr>
        <w:rPr>
          <w:b/>
          <w:bCs/>
        </w:rPr>
      </w:pPr>
      <w:r w:rsidRPr="00171814">
        <w:rPr>
          <w:b/>
          <w:bCs/>
        </w:rPr>
        <w:t>Print "welcome to django" in the html page</w:t>
      </w:r>
    </w:p>
    <w:p w14:paraId="665C63AE" w14:textId="1871B761" w:rsidR="00171814" w:rsidRDefault="00171814" w:rsidP="00171814">
      <w:pPr>
        <w:rPr>
          <w:b/>
          <w:bCs/>
        </w:rPr>
      </w:pPr>
    </w:p>
    <w:p w14:paraId="5D94BB02" w14:textId="6A8E9318" w:rsidR="008C60D0" w:rsidRDefault="008C60D0" w:rsidP="00171814">
      <w:pPr>
        <w:rPr>
          <w:b/>
          <w:bCs/>
        </w:rPr>
      </w:pPr>
      <w:r w:rsidRPr="008C60D0">
        <w:rPr>
          <w:b/>
          <w:bCs/>
        </w:rPr>
        <w:t>for every url we need to write the function under views.py</w:t>
      </w:r>
    </w:p>
    <w:p w14:paraId="7AADF055" w14:textId="77777777" w:rsidR="008C60D0" w:rsidRPr="00171814" w:rsidRDefault="008C60D0" w:rsidP="00171814">
      <w:pPr>
        <w:rPr>
          <w:b/>
          <w:bCs/>
        </w:rPr>
      </w:pPr>
    </w:p>
    <w:p w14:paraId="0168EDDF" w14:textId="77777777" w:rsidR="00171814" w:rsidRPr="00171814" w:rsidRDefault="00171814" w:rsidP="00171814">
      <w:pPr>
        <w:rPr>
          <w:b/>
          <w:bCs/>
        </w:rPr>
      </w:pPr>
      <w:r w:rsidRPr="00171814">
        <w:rPr>
          <w:b/>
          <w:bCs/>
        </w:rPr>
        <w:t>changes:</w:t>
      </w:r>
    </w:p>
    <w:p w14:paraId="317A2774" w14:textId="77777777" w:rsidR="00171814" w:rsidRPr="00171814" w:rsidRDefault="00171814" w:rsidP="00171814">
      <w:pPr>
        <w:rPr>
          <w:b/>
          <w:bCs/>
        </w:rPr>
      </w:pPr>
      <w:r w:rsidRPr="00171814">
        <w:rPr>
          <w:b/>
          <w:bCs/>
        </w:rPr>
        <w:t xml:space="preserve">1.Add new url under the 'urls.py' </w:t>
      </w:r>
    </w:p>
    <w:p w14:paraId="364863C3" w14:textId="77777777" w:rsidR="00171814" w:rsidRPr="00171814" w:rsidRDefault="00171814" w:rsidP="00171814">
      <w:pPr>
        <w:rPr>
          <w:b/>
          <w:bCs/>
        </w:rPr>
      </w:pPr>
      <w:r w:rsidRPr="00171814">
        <w:rPr>
          <w:b/>
          <w:bCs/>
        </w:rPr>
        <w:lastRenderedPageBreak/>
        <w:t>2.add new method under the views</w:t>
      </w:r>
    </w:p>
    <w:p w14:paraId="1227EDEC" w14:textId="77777777" w:rsidR="00171814" w:rsidRPr="00171814" w:rsidRDefault="00171814" w:rsidP="00171814">
      <w:pPr>
        <w:rPr>
          <w:b/>
          <w:bCs/>
        </w:rPr>
      </w:pPr>
      <w:r w:rsidRPr="00171814">
        <w:rPr>
          <w:b/>
          <w:bCs/>
        </w:rPr>
        <w:t>3.add new html under the 'templates'</w:t>
      </w:r>
    </w:p>
    <w:p w14:paraId="3A354605" w14:textId="77777777" w:rsidR="00511C80" w:rsidRPr="00511C80" w:rsidRDefault="00511C80" w:rsidP="00511C80">
      <w:pPr>
        <w:pBdr>
          <w:bottom w:val="single" w:sz="6" w:space="1" w:color="auto"/>
        </w:pBdr>
        <w:rPr>
          <w:b/>
          <w:bCs/>
        </w:rPr>
      </w:pPr>
      <w:r w:rsidRPr="00511C80">
        <w:rPr>
          <w:b/>
          <w:bCs/>
        </w:rPr>
        <w:t>views.py:</w:t>
      </w:r>
    </w:p>
    <w:p w14:paraId="1BC5F503" w14:textId="77777777" w:rsidR="001B778B" w:rsidRPr="001B778B" w:rsidRDefault="001B778B" w:rsidP="001B778B">
      <w:pPr>
        <w:rPr>
          <w:b/>
          <w:bCs/>
        </w:rPr>
      </w:pPr>
      <w:r w:rsidRPr="001B778B">
        <w:rPr>
          <w:b/>
          <w:bCs/>
        </w:rPr>
        <w:t xml:space="preserve">view function take </w:t>
      </w:r>
    </w:p>
    <w:p w14:paraId="1455464A" w14:textId="77777777" w:rsidR="001B778B" w:rsidRPr="001B778B" w:rsidRDefault="001B778B" w:rsidP="001B778B">
      <w:pPr>
        <w:rPr>
          <w:b/>
          <w:bCs/>
        </w:rPr>
      </w:pPr>
      <w:r w:rsidRPr="001B778B">
        <w:rPr>
          <w:b/>
          <w:bCs/>
        </w:rPr>
        <w:t>1.HttpRequest Obj as input</w:t>
      </w:r>
    </w:p>
    <w:p w14:paraId="26764253" w14:textId="77777777" w:rsidR="001B778B" w:rsidRPr="001B778B" w:rsidRDefault="001B778B" w:rsidP="001B778B">
      <w:pPr>
        <w:rPr>
          <w:b/>
          <w:bCs/>
        </w:rPr>
      </w:pPr>
      <w:r w:rsidRPr="001B778B">
        <w:rPr>
          <w:b/>
          <w:bCs/>
        </w:rPr>
        <w:t>2.Returns HttpResponse Obj</w:t>
      </w:r>
    </w:p>
    <w:p w14:paraId="21DB41E5" w14:textId="77777777" w:rsidR="001B778B" w:rsidRPr="001B778B" w:rsidRDefault="001B778B" w:rsidP="001B778B">
      <w:pPr>
        <w:rPr>
          <w:b/>
          <w:bCs/>
        </w:rPr>
      </w:pPr>
    </w:p>
    <w:p w14:paraId="737BBC90" w14:textId="77777777" w:rsidR="001B778B" w:rsidRPr="001B778B" w:rsidRDefault="001B778B" w:rsidP="001B778B">
      <w:pPr>
        <w:rPr>
          <w:b/>
          <w:bCs/>
        </w:rPr>
      </w:pPr>
      <w:r w:rsidRPr="001B778B">
        <w:rPr>
          <w:b/>
          <w:bCs/>
        </w:rPr>
        <w:t xml:space="preserve"> HttpResponse Obj contains:</w:t>
      </w:r>
    </w:p>
    <w:p w14:paraId="6CFDE05D" w14:textId="77777777" w:rsidR="001B778B" w:rsidRPr="001B778B" w:rsidRDefault="001B778B" w:rsidP="001B778B">
      <w:pPr>
        <w:rPr>
          <w:b/>
          <w:bCs/>
        </w:rPr>
      </w:pPr>
      <w:r w:rsidRPr="001B778B">
        <w:rPr>
          <w:b/>
          <w:bCs/>
        </w:rPr>
        <w:t>a) Response html page name</w:t>
      </w:r>
    </w:p>
    <w:p w14:paraId="6F46959A" w14:textId="11DD54AF" w:rsidR="001B778B" w:rsidRDefault="001B778B" w:rsidP="001B778B">
      <w:pPr>
        <w:rPr>
          <w:b/>
          <w:bCs/>
        </w:rPr>
      </w:pPr>
      <w:r w:rsidRPr="001B778B">
        <w:rPr>
          <w:b/>
          <w:bCs/>
        </w:rPr>
        <w:t>b) Response data</w:t>
      </w:r>
    </w:p>
    <w:p w14:paraId="73066788" w14:textId="77777777" w:rsidR="001B778B" w:rsidRPr="00511C80" w:rsidRDefault="001B778B" w:rsidP="001B778B">
      <w:pPr>
        <w:rPr>
          <w:b/>
          <w:bCs/>
        </w:rPr>
      </w:pPr>
    </w:p>
    <w:p w14:paraId="37CFB860" w14:textId="77777777" w:rsidR="00511C80" w:rsidRPr="00511C80" w:rsidRDefault="00511C80" w:rsidP="00511C80">
      <w:pPr>
        <w:rPr>
          <w:b/>
          <w:bCs/>
        </w:rPr>
      </w:pPr>
      <w:r w:rsidRPr="00511C80">
        <w:rPr>
          <w:b/>
          <w:bCs/>
        </w:rPr>
        <w:t>from django.http import HttpResponse</w:t>
      </w:r>
    </w:p>
    <w:p w14:paraId="36E10521" w14:textId="77777777" w:rsidR="00511C80" w:rsidRPr="00511C80" w:rsidRDefault="00511C80" w:rsidP="00511C80">
      <w:pPr>
        <w:rPr>
          <w:b/>
          <w:bCs/>
        </w:rPr>
      </w:pPr>
    </w:p>
    <w:p w14:paraId="718E9D0D" w14:textId="77777777" w:rsidR="00511C80" w:rsidRPr="00511C80" w:rsidRDefault="00511C80" w:rsidP="00511C80">
      <w:pPr>
        <w:rPr>
          <w:b/>
          <w:bCs/>
        </w:rPr>
      </w:pPr>
      <w:r w:rsidRPr="00511C80">
        <w:rPr>
          <w:b/>
          <w:bCs/>
        </w:rPr>
        <w:t>def ex1(request):</w:t>
      </w:r>
    </w:p>
    <w:p w14:paraId="072BE24E" w14:textId="77777777" w:rsidR="00511C80" w:rsidRPr="00511C80" w:rsidRDefault="00511C80" w:rsidP="00511C80">
      <w:pPr>
        <w:rPr>
          <w:b/>
          <w:bCs/>
        </w:rPr>
      </w:pPr>
      <w:r w:rsidRPr="00511C80">
        <w:rPr>
          <w:b/>
          <w:bCs/>
        </w:rPr>
        <w:t xml:space="preserve">    res = "&lt;font color='red'&gt;welcome to django&lt;/font&gt;"</w:t>
      </w:r>
    </w:p>
    <w:p w14:paraId="39957113" w14:textId="77777777" w:rsidR="00511C80" w:rsidRPr="00511C80" w:rsidRDefault="00511C80" w:rsidP="00511C80">
      <w:pPr>
        <w:rPr>
          <w:b/>
          <w:bCs/>
        </w:rPr>
      </w:pPr>
      <w:r w:rsidRPr="00511C80">
        <w:rPr>
          <w:b/>
          <w:bCs/>
        </w:rPr>
        <w:t xml:space="preserve">    return HttpResponse(res)</w:t>
      </w:r>
    </w:p>
    <w:p w14:paraId="351FBC39" w14:textId="77777777" w:rsidR="00511C80" w:rsidRPr="00511C80" w:rsidRDefault="00511C80" w:rsidP="00511C80">
      <w:pPr>
        <w:rPr>
          <w:b/>
          <w:bCs/>
        </w:rPr>
      </w:pPr>
      <w:r w:rsidRPr="00511C80">
        <w:rPr>
          <w:b/>
          <w:bCs/>
        </w:rPr>
        <w:t xml:space="preserve">    </w:t>
      </w:r>
    </w:p>
    <w:p w14:paraId="1D8493C7" w14:textId="77777777" w:rsidR="00511C80" w:rsidRPr="00511C80" w:rsidRDefault="00511C80" w:rsidP="00511C80">
      <w:pPr>
        <w:rPr>
          <w:b/>
          <w:bCs/>
        </w:rPr>
      </w:pPr>
      <w:r w:rsidRPr="00511C80">
        <w:rPr>
          <w:b/>
          <w:bCs/>
        </w:rPr>
        <w:t xml:space="preserve">    </w:t>
      </w:r>
    </w:p>
    <w:p w14:paraId="0225EE32" w14:textId="77777777" w:rsidR="00511C80" w:rsidRPr="00511C80" w:rsidRDefault="00511C80" w:rsidP="00511C80">
      <w:pPr>
        <w:rPr>
          <w:b/>
          <w:bCs/>
        </w:rPr>
      </w:pPr>
      <w:r w:rsidRPr="00511C80">
        <w:rPr>
          <w:b/>
          <w:bCs/>
        </w:rPr>
        <w:t>urls.py:</w:t>
      </w:r>
    </w:p>
    <w:p w14:paraId="042FB0C9" w14:textId="77777777" w:rsidR="00511C80" w:rsidRPr="00511C80" w:rsidRDefault="00511C80" w:rsidP="00511C80">
      <w:pPr>
        <w:rPr>
          <w:b/>
          <w:bCs/>
        </w:rPr>
      </w:pPr>
      <w:r w:rsidRPr="00511C80">
        <w:rPr>
          <w:b/>
          <w:bCs/>
        </w:rPr>
        <w:t>-----------</w:t>
      </w:r>
    </w:p>
    <w:p w14:paraId="349DC07A" w14:textId="77777777" w:rsidR="00511C80" w:rsidRPr="00511C80" w:rsidRDefault="00511C80" w:rsidP="00511C80">
      <w:pPr>
        <w:rPr>
          <w:b/>
          <w:bCs/>
        </w:rPr>
      </w:pPr>
      <w:r w:rsidRPr="00511C80">
        <w:rPr>
          <w:b/>
          <w:bCs/>
        </w:rPr>
        <w:t xml:space="preserve"> path('ex1/', views.ex1,name="ex1 page"),</w:t>
      </w:r>
    </w:p>
    <w:p w14:paraId="180FF6DE" w14:textId="1DAF2728" w:rsidR="00511C80" w:rsidRPr="00511C80" w:rsidRDefault="00511C80" w:rsidP="00511C80">
      <w:pPr>
        <w:rPr>
          <w:b/>
          <w:bCs/>
        </w:rPr>
      </w:pPr>
      <w:r w:rsidRPr="00511C80">
        <w:rPr>
          <w:b/>
          <w:bCs/>
        </w:rPr>
        <w:t xml:space="preserve">  here 'ex1/' is the new resource url</w:t>
      </w:r>
    </w:p>
    <w:p w14:paraId="20DF29D6" w14:textId="377E55CA" w:rsidR="00171814" w:rsidRPr="00171814" w:rsidRDefault="00511C80" w:rsidP="00511C80">
      <w:pPr>
        <w:rPr>
          <w:b/>
          <w:bCs/>
        </w:rPr>
      </w:pPr>
      <w:r w:rsidRPr="00511C80">
        <w:rPr>
          <w:b/>
          <w:bCs/>
        </w:rPr>
        <w:t xml:space="preserve"> and this url is handled by ex1() method insdide the views.</w:t>
      </w:r>
    </w:p>
    <w:p w14:paraId="1D716F51" w14:textId="77777777" w:rsidR="00EA4CCC" w:rsidRPr="00EA4CCC" w:rsidRDefault="00EA4CCC" w:rsidP="00EA4CCC">
      <w:pPr>
        <w:rPr>
          <w:b/>
          <w:bCs/>
        </w:rPr>
      </w:pPr>
    </w:p>
    <w:p w14:paraId="23C83418" w14:textId="77777777" w:rsidR="00EA4CCC" w:rsidRPr="00EA4CCC" w:rsidRDefault="00EA4CCC" w:rsidP="00EA4CCC">
      <w:pPr>
        <w:rPr>
          <w:b/>
          <w:bCs/>
        </w:rPr>
      </w:pPr>
      <w:r w:rsidRPr="00EA4CCC">
        <w:rPr>
          <w:b/>
          <w:bCs/>
        </w:rPr>
        <w:t xml:space="preserve"> -&gt; execute commands on root project</w:t>
      </w:r>
    </w:p>
    <w:p w14:paraId="52834300" w14:textId="77777777" w:rsidR="00EA4CCC" w:rsidRPr="00EA4CCC" w:rsidRDefault="00EA4CCC" w:rsidP="00EA4CCC">
      <w:pPr>
        <w:rPr>
          <w:b/>
          <w:bCs/>
        </w:rPr>
      </w:pPr>
      <w:r w:rsidRPr="00EA4CCC">
        <w:rPr>
          <w:b/>
          <w:bCs/>
        </w:rPr>
        <w:t xml:space="preserve"> 1.workon mytest</w:t>
      </w:r>
    </w:p>
    <w:p w14:paraId="2C54CBF0" w14:textId="10AE3F61" w:rsidR="00171814" w:rsidRPr="00171814" w:rsidRDefault="00EA4CCC" w:rsidP="00EA4CCC">
      <w:pPr>
        <w:rPr>
          <w:b/>
          <w:bCs/>
        </w:rPr>
      </w:pPr>
      <w:r w:rsidRPr="00EA4CCC">
        <w:rPr>
          <w:b/>
          <w:bCs/>
        </w:rPr>
        <w:t xml:space="preserve"> 2.python manage.py runserver</w:t>
      </w:r>
    </w:p>
    <w:p w14:paraId="4C207DD2" w14:textId="07BAF9F0" w:rsidR="00171814" w:rsidRPr="00171814" w:rsidRDefault="00983FB3" w:rsidP="00171814">
      <w:pPr>
        <w:rPr>
          <w:b/>
          <w:bCs/>
        </w:rPr>
      </w:pPr>
      <w:r w:rsidRPr="00983FB3">
        <w:rPr>
          <w:b/>
          <w:bCs/>
        </w:rPr>
        <w:t>http://127.0.0.1:8000/login/ex1/</w:t>
      </w:r>
    </w:p>
    <w:p w14:paraId="1587ADA5" w14:textId="77777777" w:rsidR="00171814" w:rsidRPr="00171814" w:rsidRDefault="00171814" w:rsidP="00171814">
      <w:pPr>
        <w:rPr>
          <w:b/>
          <w:bCs/>
        </w:rPr>
      </w:pPr>
    </w:p>
    <w:p w14:paraId="0CB0118E" w14:textId="111D49F1" w:rsidR="00171814" w:rsidRDefault="00171814" w:rsidP="00C271DD">
      <w:pPr>
        <w:rPr>
          <w:b/>
          <w:bCs/>
        </w:rPr>
      </w:pPr>
    </w:p>
    <w:p w14:paraId="2BAA6277" w14:textId="1E222711" w:rsidR="00171814" w:rsidRDefault="00171814" w:rsidP="00C271DD">
      <w:pPr>
        <w:rPr>
          <w:b/>
          <w:bCs/>
        </w:rPr>
      </w:pPr>
    </w:p>
    <w:p w14:paraId="1F417452" w14:textId="2D1829A9" w:rsidR="004E2F6D" w:rsidRDefault="004E2F6D" w:rsidP="00C271DD">
      <w:pPr>
        <w:rPr>
          <w:b/>
          <w:bCs/>
        </w:rPr>
      </w:pPr>
    </w:p>
    <w:p w14:paraId="36831913" w14:textId="77777777" w:rsidR="004E2F6D" w:rsidRPr="004E2F6D" w:rsidRDefault="004E2F6D" w:rsidP="004E2F6D">
      <w:pPr>
        <w:rPr>
          <w:b/>
          <w:bCs/>
        </w:rPr>
      </w:pPr>
      <w:r w:rsidRPr="004E2F6D">
        <w:rPr>
          <w:b/>
          <w:bCs/>
        </w:rPr>
        <w:t>Req:</w:t>
      </w:r>
    </w:p>
    <w:p w14:paraId="5E65ABCB" w14:textId="77777777" w:rsidR="004E2F6D" w:rsidRPr="004E2F6D" w:rsidRDefault="004E2F6D" w:rsidP="004E2F6D">
      <w:pPr>
        <w:rPr>
          <w:b/>
          <w:bCs/>
        </w:rPr>
      </w:pPr>
      <w:r w:rsidRPr="004E2F6D">
        <w:rPr>
          <w:b/>
          <w:bCs/>
        </w:rPr>
        <w:t>Print "Hello welcome to django" using the html page</w:t>
      </w:r>
    </w:p>
    <w:p w14:paraId="7D7C65EE" w14:textId="77777777" w:rsidR="004E2F6D" w:rsidRPr="004E2F6D" w:rsidRDefault="004E2F6D" w:rsidP="004E2F6D">
      <w:pPr>
        <w:rPr>
          <w:b/>
          <w:bCs/>
        </w:rPr>
      </w:pPr>
      <w:r w:rsidRPr="004E2F6D">
        <w:rPr>
          <w:b/>
          <w:bCs/>
        </w:rPr>
        <w:t>new url : hello/</w:t>
      </w:r>
    </w:p>
    <w:p w14:paraId="285F5DD7" w14:textId="77777777" w:rsidR="004E2F6D" w:rsidRPr="004E2F6D" w:rsidRDefault="004E2F6D" w:rsidP="004E2F6D">
      <w:pPr>
        <w:rPr>
          <w:b/>
          <w:bCs/>
        </w:rPr>
      </w:pPr>
    </w:p>
    <w:p w14:paraId="6D9FB6AD" w14:textId="77777777" w:rsidR="004E2F6D" w:rsidRPr="004E2F6D" w:rsidRDefault="004E2F6D" w:rsidP="004E2F6D">
      <w:pPr>
        <w:rPr>
          <w:b/>
          <w:bCs/>
        </w:rPr>
      </w:pPr>
      <w:r w:rsidRPr="004E2F6D">
        <w:rPr>
          <w:b/>
          <w:bCs/>
        </w:rPr>
        <w:t>changes:</w:t>
      </w:r>
    </w:p>
    <w:p w14:paraId="2330062F" w14:textId="77777777" w:rsidR="004E2F6D" w:rsidRPr="004E2F6D" w:rsidRDefault="004E2F6D" w:rsidP="004E2F6D">
      <w:pPr>
        <w:rPr>
          <w:b/>
          <w:bCs/>
        </w:rPr>
      </w:pPr>
      <w:r w:rsidRPr="004E2F6D">
        <w:rPr>
          <w:b/>
          <w:bCs/>
        </w:rPr>
        <w:t xml:space="preserve">1.Add new url under the 'urls.py' </w:t>
      </w:r>
    </w:p>
    <w:p w14:paraId="0469EBF4" w14:textId="77777777" w:rsidR="004E2F6D" w:rsidRPr="004E2F6D" w:rsidRDefault="004E2F6D" w:rsidP="004E2F6D">
      <w:pPr>
        <w:rPr>
          <w:b/>
          <w:bCs/>
        </w:rPr>
      </w:pPr>
      <w:r w:rsidRPr="004E2F6D">
        <w:rPr>
          <w:b/>
          <w:bCs/>
        </w:rPr>
        <w:t>2.add new method under the views.py</w:t>
      </w:r>
    </w:p>
    <w:p w14:paraId="6E8DAFED" w14:textId="77777777" w:rsidR="004E2F6D" w:rsidRPr="004E2F6D" w:rsidRDefault="004E2F6D" w:rsidP="004E2F6D">
      <w:pPr>
        <w:rPr>
          <w:b/>
          <w:bCs/>
        </w:rPr>
      </w:pPr>
      <w:r w:rsidRPr="004E2F6D">
        <w:rPr>
          <w:b/>
          <w:bCs/>
        </w:rPr>
        <w:t>3.add new html under the 'templates'</w:t>
      </w:r>
    </w:p>
    <w:p w14:paraId="4CA31175" w14:textId="77777777" w:rsidR="004E2F6D" w:rsidRPr="004E2F6D" w:rsidRDefault="004E2F6D" w:rsidP="004E2F6D">
      <w:pPr>
        <w:rPr>
          <w:b/>
          <w:bCs/>
        </w:rPr>
      </w:pPr>
    </w:p>
    <w:p w14:paraId="26E180CF" w14:textId="77777777" w:rsidR="004E2F6D" w:rsidRPr="004E2F6D" w:rsidRDefault="004E2F6D" w:rsidP="004E2F6D">
      <w:pPr>
        <w:rPr>
          <w:b/>
          <w:bCs/>
        </w:rPr>
      </w:pPr>
    </w:p>
    <w:p w14:paraId="34174DBB" w14:textId="77777777" w:rsidR="004E2F6D" w:rsidRPr="004E2F6D" w:rsidRDefault="004E2F6D" w:rsidP="004E2F6D">
      <w:pPr>
        <w:rPr>
          <w:b/>
          <w:bCs/>
        </w:rPr>
      </w:pPr>
      <w:r w:rsidRPr="004E2F6D">
        <w:rPr>
          <w:b/>
          <w:bCs/>
        </w:rPr>
        <w:t>urls.py:</w:t>
      </w:r>
    </w:p>
    <w:p w14:paraId="7D0DD22D" w14:textId="77777777" w:rsidR="004E2F6D" w:rsidRPr="004E2F6D" w:rsidRDefault="004E2F6D" w:rsidP="004E2F6D">
      <w:pPr>
        <w:rPr>
          <w:b/>
          <w:bCs/>
        </w:rPr>
      </w:pPr>
      <w:r w:rsidRPr="004E2F6D">
        <w:rPr>
          <w:b/>
          <w:bCs/>
        </w:rPr>
        <w:t>-------------</w:t>
      </w:r>
    </w:p>
    <w:p w14:paraId="164500FC" w14:textId="77777777" w:rsidR="004E2F6D" w:rsidRPr="004E2F6D" w:rsidRDefault="004E2F6D" w:rsidP="004E2F6D">
      <w:pPr>
        <w:rPr>
          <w:b/>
          <w:bCs/>
        </w:rPr>
      </w:pPr>
      <w:r w:rsidRPr="004E2F6D">
        <w:rPr>
          <w:b/>
          <w:bCs/>
        </w:rPr>
        <w:t>path('hello/', views.handleHello,name="ex1 page"),</w:t>
      </w:r>
    </w:p>
    <w:p w14:paraId="7043881B" w14:textId="77777777" w:rsidR="004E2F6D" w:rsidRPr="004E2F6D" w:rsidRDefault="004E2F6D" w:rsidP="004E2F6D">
      <w:pPr>
        <w:rPr>
          <w:b/>
          <w:bCs/>
        </w:rPr>
      </w:pPr>
    </w:p>
    <w:p w14:paraId="69C9555D" w14:textId="77777777" w:rsidR="004E2F6D" w:rsidRPr="004E2F6D" w:rsidRDefault="004E2F6D" w:rsidP="004E2F6D">
      <w:pPr>
        <w:rPr>
          <w:b/>
          <w:bCs/>
        </w:rPr>
      </w:pPr>
      <w:r w:rsidRPr="004E2F6D">
        <w:rPr>
          <w:b/>
          <w:bCs/>
        </w:rPr>
        <w:t>here 'hello/' is the new resource url</w:t>
      </w:r>
    </w:p>
    <w:p w14:paraId="6BDCBDCE" w14:textId="77777777" w:rsidR="004E2F6D" w:rsidRPr="004E2F6D" w:rsidRDefault="004E2F6D" w:rsidP="004E2F6D">
      <w:pPr>
        <w:rPr>
          <w:b/>
          <w:bCs/>
        </w:rPr>
      </w:pPr>
      <w:r w:rsidRPr="004E2F6D">
        <w:rPr>
          <w:b/>
          <w:bCs/>
        </w:rPr>
        <w:t>and this url is handled by handleHello() method insdide the views.</w:t>
      </w:r>
    </w:p>
    <w:p w14:paraId="0E6A6CB1" w14:textId="77777777" w:rsidR="004E2F6D" w:rsidRPr="004E2F6D" w:rsidRDefault="004E2F6D" w:rsidP="004E2F6D">
      <w:pPr>
        <w:rPr>
          <w:b/>
          <w:bCs/>
        </w:rPr>
      </w:pPr>
      <w:r w:rsidRPr="004E2F6D">
        <w:rPr>
          <w:b/>
          <w:bCs/>
        </w:rPr>
        <w:t xml:space="preserve"> </w:t>
      </w:r>
    </w:p>
    <w:p w14:paraId="23D888A9" w14:textId="77777777" w:rsidR="004E2F6D" w:rsidRPr="004E2F6D" w:rsidRDefault="004E2F6D" w:rsidP="004E2F6D">
      <w:pPr>
        <w:rPr>
          <w:b/>
          <w:bCs/>
        </w:rPr>
      </w:pPr>
      <w:r w:rsidRPr="004E2F6D">
        <w:rPr>
          <w:b/>
          <w:bCs/>
        </w:rPr>
        <w:t>views.py:</w:t>
      </w:r>
    </w:p>
    <w:p w14:paraId="44FF8460" w14:textId="77777777" w:rsidR="004E2F6D" w:rsidRPr="004E2F6D" w:rsidRDefault="004E2F6D" w:rsidP="004E2F6D">
      <w:pPr>
        <w:rPr>
          <w:b/>
          <w:bCs/>
        </w:rPr>
      </w:pPr>
      <w:r w:rsidRPr="004E2F6D">
        <w:rPr>
          <w:b/>
          <w:bCs/>
        </w:rPr>
        <w:t>-------------</w:t>
      </w:r>
    </w:p>
    <w:p w14:paraId="19862D92" w14:textId="77777777" w:rsidR="004E2F6D" w:rsidRPr="004E2F6D" w:rsidRDefault="004E2F6D" w:rsidP="004E2F6D">
      <w:pPr>
        <w:rPr>
          <w:b/>
          <w:bCs/>
        </w:rPr>
      </w:pPr>
      <w:r w:rsidRPr="004E2F6D">
        <w:rPr>
          <w:b/>
          <w:bCs/>
        </w:rPr>
        <w:t>from django.shortcuts import render</w:t>
      </w:r>
    </w:p>
    <w:p w14:paraId="4B8EF395" w14:textId="77777777" w:rsidR="004E2F6D" w:rsidRPr="004E2F6D" w:rsidRDefault="004E2F6D" w:rsidP="004E2F6D">
      <w:pPr>
        <w:rPr>
          <w:b/>
          <w:bCs/>
        </w:rPr>
      </w:pPr>
    </w:p>
    <w:p w14:paraId="46238826" w14:textId="77777777" w:rsidR="004E2F6D" w:rsidRPr="004E2F6D" w:rsidRDefault="004E2F6D" w:rsidP="004E2F6D">
      <w:pPr>
        <w:rPr>
          <w:b/>
          <w:bCs/>
        </w:rPr>
      </w:pPr>
      <w:r w:rsidRPr="004E2F6D">
        <w:rPr>
          <w:b/>
          <w:bCs/>
        </w:rPr>
        <w:t>def handleHello(request):</w:t>
      </w:r>
    </w:p>
    <w:p w14:paraId="5C2AFEA8" w14:textId="77777777" w:rsidR="004E2F6D" w:rsidRPr="004E2F6D" w:rsidRDefault="004E2F6D" w:rsidP="004E2F6D">
      <w:pPr>
        <w:rPr>
          <w:b/>
          <w:bCs/>
        </w:rPr>
      </w:pPr>
      <w:r w:rsidRPr="004E2F6D">
        <w:rPr>
          <w:b/>
          <w:bCs/>
        </w:rPr>
        <w:t xml:space="preserve">    return render(request, "helloResponse.html", {})</w:t>
      </w:r>
    </w:p>
    <w:p w14:paraId="78785F99" w14:textId="77777777" w:rsidR="004E2F6D" w:rsidRPr="004E2F6D" w:rsidRDefault="004E2F6D" w:rsidP="004E2F6D">
      <w:pPr>
        <w:rPr>
          <w:b/>
          <w:bCs/>
        </w:rPr>
      </w:pPr>
      <w:r w:rsidRPr="004E2F6D">
        <w:rPr>
          <w:b/>
          <w:bCs/>
        </w:rPr>
        <w:t xml:space="preserve"> </w:t>
      </w:r>
    </w:p>
    <w:p w14:paraId="3CF8785A" w14:textId="77777777" w:rsidR="004E2F6D" w:rsidRPr="004E2F6D" w:rsidRDefault="004E2F6D" w:rsidP="004E2F6D">
      <w:pPr>
        <w:rPr>
          <w:b/>
          <w:bCs/>
        </w:rPr>
      </w:pPr>
      <w:r w:rsidRPr="004E2F6D">
        <w:rPr>
          <w:b/>
          <w:bCs/>
        </w:rPr>
        <w:t>Here the resonse is prepared by "helloResponse.html"</w:t>
      </w:r>
    </w:p>
    <w:p w14:paraId="232DF3A2" w14:textId="77777777" w:rsidR="004E2F6D" w:rsidRPr="004E2F6D" w:rsidRDefault="004E2F6D" w:rsidP="004E2F6D">
      <w:pPr>
        <w:rPr>
          <w:b/>
          <w:bCs/>
        </w:rPr>
      </w:pPr>
    </w:p>
    <w:p w14:paraId="34E846A6" w14:textId="77777777" w:rsidR="004E2F6D" w:rsidRPr="004E2F6D" w:rsidRDefault="004E2F6D" w:rsidP="004E2F6D">
      <w:pPr>
        <w:rPr>
          <w:b/>
          <w:bCs/>
        </w:rPr>
      </w:pPr>
    </w:p>
    <w:p w14:paraId="4DEB1C01" w14:textId="77777777" w:rsidR="004E2F6D" w:rsidRPr="004E2F6D" w:rsidRDefault="004E2F6D" w:rsidP="004E2F6D">
      <w:pPr>
        <w:rPr>
          <w:b/>
          <w:bCs/>
        </w:rPr>
      </w:pPr>
    </w:p>
    <w:p w14:paraId="4F9E3A10" w14:textId="77777777" w:rsidR="004E2F6D" w:rsidRPr="004E2F6D" w:rsidRDefault="004E2F6D" w:rsidP="004E2F6D">
      <w:pPr>
        <w:rPr>
          <w:b/>
          <w:bCs/>
        </w:rPr>
      </w:pPr>
      <w:r w:rsidRPr="004E2F6D">
        <w:rPr>
          <w:b/>
          <w:bCs/>
        </w:rPr>
        <w:t xml:space="preserve"> </w:t>
      </w:r>
    </w:p>
    <w:p w14:paraId="042660A4" w14:textId="77777777" w:rsidR="004E2F6D" w:rsidRPr="004E2F6D" w:rsidRDefault="004E2F6D" w:rsidP="004E2F6D">
      <w:pPr>
        <w:rPr>
          <w:b/>
          <w:bCs/>
        </w:rPr>
      </w:pPr>
      <w:r w:rsidRPr="004E2F6D">
        <w:rPr>
          <w:b/>
          <w:bCs/>
        </w:rPr>
        <w:t>create  'helloResponse.html' file under the templates:</w:t>
      </w:r>
    </w:p>
    <w:p w14:paraId="4F562B79" w14:textId="77777777" w:rsidR="004E2F6D" w:rsidRPr="004E2F6D" w:rsidRDefault="004E2F6D" w:rsidP="004E2F6D">
      <w:pPr>
        <w:rPr>
          <w:b/>
          <w:bCs/>
        </w:rPr>
      </w:pPr>
    </w:p>
    <w:p w14:paraId="37CEAE21" w14:textId="77777777" w:rsidR="004E2F6D" w:rsidRPr="004E2F6D" w:rsidRDefault="004E2F6D" w:rsidP="004E2F6D">
      <w:pPr>
        <w:rPr>
          <w:b/>
          <w:bCs/>
        </w:rPr>
      </w:pPr>
      <w:r w:rsidRPr="004E2F6D">
        <w:rPr>
          <w:b/>
          <w:bCs/>
        </w:rPr>
        <w:t>helloResponse.html</w:t>
      </w:r>
    </w:p>
    <w:p w14:paraId="0EFAF46B" w14:textId="77777777" w:rsidR="004E2F6D" w:rsidRPr="004E2F6D" w:rsidRDefault="004E2F6D" w:rsidP="004E2F6D">
      <w:pPr>
        <w:rPr>
          <w:b/>
          <w:bCs/>
        </w:rPr>
      </w:pPr>
      <w:r w:rsidRPr="004E2F6D">
        <w:rPr>
          <w:b/>
          <w:bCs/>
        </w:rPr>
        <w:t>----------------------</w:t>
      </w:r>
    </w:p>
    <w:p w14:paraId="4C7F6AD6" w14:textId="77777777" w:rsidR="004E2F6D" w:rsidRPr="004E2F6D" w:rsidRDefault="004E2F6D" w:rsidP="004E2F6D">
      <w:pPr>
        <w:rPr>
          <w:b/>
          <w:bCs/>
        </w:rPr>
      </w:pPr>
      <w:r w:rsidRPr="004E2F6D">
        <w:rPr>
          <w:b/>
          <w:bCs/>
        </w:rPr>
        <w:t>&lt;!DOCTYPE html&gt;</w:t>
      </w:r>
    </w:p>
    <w:p w14:paraId="4F3275E6" w14:textId="77777777" w:rsidR="004E2F6D" w:rsidRPr="004E2F6D" w:rsidRDefault="004E2F6D" w:rsidP="004E2F6D">
      <w:pPr>
        <w:rPr>
          <w:b/>
          <w:bCs/>
        </w:rPr>
      </w:pPr>
      <w:r w:rsidRPr="004E2F6D">
        <w:rPr>
          <w:b/>
          <w:bCs/>
        </w:rPr>
        <w:t>&lt;html lang="en"&gt;</w:t>
      </w:r>
    </w:p>
    <w:p w14:paraId="5DE1D072" w14:textId="77777777" w:rsidR="004E2F6D" w:rsidRPr="004E2F6D" w:rsidRDefault="004E2F6D" w:rsidP="004E2F6D">
      <w:pPr>
        <w:rPr>
          <w:b/>
          <w:bCs/>
        </w:rPr>
      </w:pPr>
      <w:r w:rsidRPr="004E2F6D">
        <w:rPr>
          <w:b/>
          <w:bCs/>
        </w:rPr>
        <w:t>&lt;head&gt;</w:t>
      </w:r>
    </w:p>
    <w:p w14:paraId="3B0681BA" w14:textId="77777777" w:rsidR="004E2F6D" w:rsidRPr="004E2F6D" w:rsidRDefault="004E2F6D" w:rsidP="004E2F6D">
      <w:pPr>
        <w:rPr>
          <w:b/>
          <w:bCs/>
        </w:rPr>
      </w:pPr>
      <w:r w:rsidRPr="004E2F6D">
        <w:rPr>
          <w:b/>
          <w:bCs/>
        </w:rPr>
        <w:t xml:space="preserve">    &lt;meta charset="UTF-8"&gt;</w:t>
      </w:r>
    </w:p>
    <w:p w14:paraId="03AB8E05" w14:textId="77777777" w:rsidR="004E2F6D" w:rsidRPr="004E2F6D" w:rsidRDefault="004E2F6D" w:rsidP="004E2F6D">
      <w:pPr>
        <w:rPr>
          <w:b/>
          <w:bCs/>
        </w:rPr>
      </w:pPr>
      <w:r w:rsidRPr="004E2F6D">
        <w:rPr>
          <w:b/>
          <w:bCs/>
        </w:rPr>
        <w:t xml:space="preserve">    &lt;title&gt;Title&lt;/title&gt;</w:t>
      </w:r>
    </w:p>
    <w:p w14:paraId="67741A4C" w14:textId="77777777" w:rsidR="004E2F6D" w:rsidRPr="004E2F6D" w:rsidRDefault="004E2F6D" w:rsidP="004E2F6D">
      <w:pPr>
        <w:rPr>
          <w:b/>
          <w:bCs/>
        </w:rPr>
      </w:pPr>
      <w:r w:rsidRPr="004E2F6D">
        <w:rPr>
          <w:b/>
          <w:bCs/>
        </w:rPr>
        <w:t>&lt;/head&gt;</w:t>
      </w:r>
    </w:p>
    <w:p w14:paraId="6C21D68F" w14:textId="77777777" w:rsidR="004E2F6D" w:rsidRPr="004E2F6D" w:rsidRDefault="004E2F6D" w:rsidP="004E2F6D">
      <w:pPr>
        <w:rPr>
          <w:b/>
          <w:bCs/>
        </w:rPr>
      </w:pPr>
      <w:r w:rsidRPr="004E2F6D">
        <w:rPr>
          <w:b/>
          <w:bCs/>
        </w:rPr>
        <w:t>&lt;body&gt;</w:t>
      </w:r>
    </w:p>
    <w:p w14:paraId="69311CF0" w14:textId="77777777" w:rsidR="004E2F6D" w:rsidRPr="004E2F6D" w:rsidRDefault="004E2F6D" w:rsidP="004E2F6D">
      <w:pPr>
        <w:rPr>
          <w:b/>
          <w:bCs/>
        </w:rPr>
      </w:pPr>
      <w:r w:rsidRPr="004E2F6D">
        <w:rPr>
          <w:b/>
          <w:bCs/>
        </w:rPr>
        <w:t>Hello welcome to django</w:t>
      </w:r>
    </w:p>
    <w:p w14:paraId="1C302018" w14:textId="77777777" w:rsidR="004E2F6D" w:rsidRPr="004E2F6D" w:rsidRDefault="004E2F6D" w:rsidP="004E2F6D">
      <w:pPr>
        <w:rPr>
          <w:b/>
          <w:bCs/>
        </w:rPr>
      </w:pPr>
      <w:r w:rsidRPr="004E2F6D">
        <w:rPr>
          <w:b/>
          <w:bCs/>
        </w:rPr>
        <w:t>&lt;/body&gt;</w:t>
      </w:r>
    </w:p>
    <w:p w14:paraId="7D4C0AB0" w14:textId="77777777" w:rsidR="004E2F6D" w:rsidRPr="004E2F6D" w:rsidRDefault="004E2F6D" w:rsidP="004E2F6D">
      <w:pPr>
        <w:rPr>
          <w:b/>
          <w:bCs/>
        </w:rPr>
      </w:pPr>
      <w:r w:rsidRPr="004E2F6D">
        <w:rPr>
          <w:b/>
          <w:bCs/>
        </w:rPr>
        <w:t>&lt;/html&gt;</w:t>
      </w:r>
    </w:p>
    <w:p w14:paraId="6942F733" w14:textId="77777777" w:rsidR="004E2F6D" w:rsidRPr="004E2F6D" w:rsidRDefault="004E2F6D" w:rsidP="004E2F6D">
      <w:pPr>
        <w:rPr>
          <w:b/>
          <w:bCs/>
        </w:rPr>
      </w:pPr>
    </w:p>
    <w:p w14:paraId="491243B5" w14:textId="77777777" w:rsidR="004E2F6D" w:rsidRPr="004E2F6D" w:rsidRDefault="004E2F6D" w:rsidP="004E2F6D">
      <w:pPr>
        <w:rPr>
          <w:b/>
          <w:bCs/>
        </w:rPr>
      </w:pPr>
    </w:p>
    <w:p w14:paraId="5CBC4AF9" w14:textId="77777777" w:rsidR="004E2F6D" w:rsidRPr="004E2F6D" w:rsidRDefault="004E2F6D" w:rsidP="004E2F6D">
      <w:pPr>
        <w:rPr>
          <w:b/>
          <w:bCs/>
        </w:rPr>
      </w:pPr>
      <w:r w:rsidRPr="004E2F6D">
        <w:rPr>
          <w:b/>
          <w:bCs/>
        </w:rPr>
        <w:t>Acces URL:</w:t>
      </w:r>
    </w:p>
    <w:p w14:paraId="3E951297" w14:textId="77777777" w:rsidR="004E2F6D" w:rsidRPr="004E2F6D" w:rsidRDefault="004E2F6D" w:rsidP="004E2F6D">
      <w:pPr>
        <w:rPr>
          <w:b/>
          <w:bCs/>
        </w:rPr>
      </w:pPr>
      <w:r w:rsidRPr="004E2F6D">
        <w:rPr>
          <w:b/>
          <w:bCs/>
        </w:rPr>
        <w:t>http://127.0.0.1:8000/login/hello/</w:t>
      </w:r>
    </w:p>
    <w:p w14:paraId="1302F0E5" w14:textId="77777777" w:rsidR="004E2F6D" w:rsidRDefault="004E2F6D" w:rsidP="00C271DD">
      <w:pPr>
        <w:rPr>
          <w:b/>
          <w:bCs/>
        </w:rPr>
      </w:pPr>
    </w:p>
    <w:p w14:paraId="33F6ED39" w14:textId="77777777" w:rsidR="00171814" w:rsidRPr="00B65154" w:rsidRDefault="00171814" w:rsidP="00C271DD">
      <w:pPr>
        <w:rPr>
          <w:b/>
          <w:bCs/>
        </w:rPr>
      </w:pPr>
    </w:p>
    <w:p w14:paraId="58DDCA86" w14:textId="23B2A3AF" w:rsidR="00517C8E" w:rsidRPr="00D51337" w:rsidRDefault="00987253" w:rsidP="00D51337">
      <w:pPr>
        <w:pStyle w:val="Heading1"/>
      </w:pPr>
      <w:bookmarkStart w:id="8" w:name="_Toc66110019"/>
      <w:r w:rsidRPr="00D51337">
        <w:t>Migrat</w:t>
      </w:r>
      <w:r w:rsidR="00D51337">
        <w:t>ion and super user creatio</w:t>
      </w:r>
      <w:r w:rsidR="00682D6E">
        <w:t>n</w:t>
      </w:r>
      <w:r w:rsidRPr="00D51337">
        <w:t>:</w:t>
      </w:r>
      <w:bookmarkEnd w:id="8"/>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createsuperuser</w:t>
      </w:r>
    </w:p>
    <w:p w14:paraId="769F0CFF" w14:textId="4EC29AEE" w:rsidR="00B21F5A" w:rsidRDefault="00B21F5A" w:rsidP="00884C33">
      <w:pPr>
        <w:rPr>
          <w:b/>
        </w:rPr>
      </w:pPr>
    </w:p>
    <w:p w14:paraId="1ABE85E3" w14:textId="03B7C51A" w:rsidR="00B21F5A" w:rsidRDefault="00B21F5A" w:rsidP="00884C33">
      <w:pPr>
        <w:rPr>
          <w:b/>
        </w:rPr>
      </w:pPr>
      <w:r>
        <w:rPr>
          <w:b/>
        </w:rPr>
        <w:lastRenderedPageBreak/>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django.template.backends.django.DjangoTemplates'</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os.path.join(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context_processor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django.template.context_processors.debug'</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template.context_processors.reques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contrib.auth.context_processors.auth'</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jango.contrib.messages.context_processors.messages'</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r w:rsidRPr="00A50581">
              <w:rPr>
                <w:rFonts w:ascii="Consolas" w:eastAsia="Times New Roman" w:hAnsi="Consolas" w:cs="Courier New"/>
                <w:color w:val="A9B7C6"/>
                <w:sz w:val="20"/>
                <w:szCs w:val="20"/>
              </w:rPr>
              <w:t>render(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39838A5C" w14:textId="430486A7" w:rsidR="0077492F" w:rsidRDefault="00435C28" w:rsidP="00787C96">
      <w:r>
        <w:t xml:space="preserve"> </w:t>
      </w:r>
    </w:p>
    <w:p w14:paraId="4457B1F7" w14:textId="77777777" w:rsidR="0077492F" w:rsidRDefault="0077492F" w:rsidP="00787C96"/>
    <w:p w14:paraId="460432EB" w14:textId="1BFB55D7" w:rsidR="00787C96" w:rsidRDefault="00787C96" w:rsidP="00305B99">
      <w:pPr>
        <w:pStyle w:val="Heading1"/>
      </w:pPr>
      <w:bookmarkStart w:id="9" w:name="_Toc66110020"/>
      <w:r w:rsidRPr="00787C96">
        <w:t>Reusability in htmls:</w:t>
      </w:r>
      <w:bookmarkEnd w:id="9"/>
    </w:p>
    <w:p w14:paraId="3A26AC68" w14:textId="00584E31" w:rsidR="00787C96" w:rsidRDefault="00787C96" w:rsidP="00787C96">
      <w:pPr>
        <w:rPr>
          <w:b/>
          <w:u w:val="single"/>
        </w:rPr>
      </w:pPr>
    </w:p>
    <w:p w14:paraId="56BC5117" w14:textId="5DFCC7CD" w:rsidR="00FD3AF9" w:rsidRDefault="00FD3AF9" w:rsidP="00787C96">
      <w:r w:rsidRPr="00FD3AF9">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r w:rsidRPr="00FD3AF9">
              <w:rPr>
                <w:rFonts w:ascii="Consolas" w:eastAsia="Times New Roman" w:hAnsi="Consolas" w:cs="Courier New"/>
                <w:color w:val="BABABA"/>
                <w:sz w:val="20"/>
                <w:szCs w:val="20"/>
              </w:rPr>
              <w:t>lang</w:t>
            </w:r>
            <w:r w:rsidRPr="00FD3AF9">
              <w:rPr>
                <w:rFonts w:ascii="Consolas" w:eastAsia="Times New Roman" w:hAnsi="Consolas" w:cs="Courier New"/>
                <w:color w:val="A5C261"/>
                <w:sz w:val="20"/>
                <w:szCs w:val="20"/>
              </w:rPr>
              <w:t>="en"</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 ..</w:t>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endblock %}</w:t>
            </w:r>
            <w:r w:rsidRPr="00FD3AF9">
              <w:rPr>
                <w:rFonts w:ascii="Consolas" w:eastAsia="Times New Roman" w:hAnsi="Consolas" w:cs="Courier New"/>
                <w:color w:val="A9B7C6"/>
                <w:sz w:val="20"/>
                <w:szCs w:val="20"/>
              </w:rPr>
              <w:br/>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lastRenderedPageBreak/>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endblock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endblock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p w14:paraId="72162E82" w14:textId="58033061" w:rsidR="0098366B" w:rsidRDefault="0098366B" w:rsidP="00787C96"/>
    <w:p w14:paraId="0D63DC86" w14:textId="160550F6" w:rsidR="0098366B" w:rsidRPr="0098366B" w:rsidRDefault="0098366B" w:rsidP="00AE1952">
      <w:pPr>
        <w:pStyle w:val="Heading1"/>
      </w:pPr>
      <w:bookmarkStart w:id="10" w:name="_Toc66110021"/>
      <w:r w:rsidRPr="0098366B">
        <w:t>Request capturing:</w:t>
      </w:r>
      <w:bookmarkEnd w:id="10"/>
    </w:p>
    <w:p w14:paraId="329F29CD" w14:textId="361AC23F" w:rsidR="0098366B" w:rsidRDefault="002F24AE" w:rsidP="00787C96">
      <w:r>
        <w:t>P1</w:t>
      </w:r>
      <w:r w:rsidR="0098366B">
        <w:t xml:space="preserve"> = Request.GET[‘n1’]</w:t>
      </w:r>
    </w:p>
    <w:p w14:paraId="3A85903C" w14:textId="6AEA322C" w:rsidR="002F24AE" w:rsidRDefault="002F24AE" w:rsidP="002F24AE">
      <w:r>
        <w:t>P2 = Request.POS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r w:rsidRPr="00487224">
              <w:rPr>
                <w:rFonts w:ascii="Consolas" w:eastAsia="Times New Roman" w:hAnsi="Consolas" w:cs="Courier New"/>
                <w:color w:val="BABABA"/>
                <w:sz w:val="20"/>
                <w:szCs w:val="20"/>
              </w:rPr>
              <w:t>colspan</w:t>
            </w:r>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lastRenderedPageBreak/>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r w:rsidRPr="00487224">
              <w:rPr>
                <w:rFonts w:ascii="Consolas" w:eastAsia="Times New Roman" w:hAnsi="Consolas" w:cs="Courier New"/>
                <w:color w:val="A9B7C6"/>
                <w:sz w:val="20"/>
                <w:szCs w:val="20"/>
              </w:rPr>
              <w:t xml:space="preserve">{% csrf_token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lt;!-- to avoid csrf attack ; by default django provides the csrfviewmiddelware--&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deptLbl"</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r w:rsidRPr="00487224">
              <w:rPr>
                <w:rFonts w:ascii="Consolas" w:eastAsia="Times New Roman" w:hAnsi="Consolas" w:cs="Courier New"/>
                <w:color w:val="BABABA"/>
                <w:sz w:val="20"/>
                <w:szCs w:val="20"/>
              </w:rPr>
              <w:t>colspan</w:t>
            </w:r>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11" w:name="_Toc66110022"/>
      <w:r w:rsidRPr="00487224">
        <w:lastRenderedPageBreak/>
        <w:t>Configuring welcome page</w:t>
      </w:r>
      <w:bookmarkEnd w:id="11"/>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2F24AE">
        <w:rPr>
          <w:rFonts w:ascii="Consolas" w:eastAsia="Times New Roman" w:hAnsi="Consolas" w:cs="Courier New"/>
          <w:color w:val="A9B7C6"/>
          <w:sz w:val="20"/>
          <w:szCs w:val="20"/>
        </w:rPr>
        <w:t>path(</w:t>
      </w:r>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r w:rsidRPr="003F46D4">
        <w:rPr>
          <w:rFonts w:ascii="Consolas" w:eastAsia="Times New Roman" w:hAnsi="Consolas" w:cs="Courier New"/>
          <w:color w:val="FFC66D"/>
          <w:sz w:val="20"/>
          <w:szCs w:val="20"/>
        </w:rPr>
        <w:t>handleIndex</w:t>
      </w:r>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r w:rsidRPr="003F46D4">
        <w:rPr>
          <w:rFonts w:ascii="Consolas" w:eastAsia="Times New Roman" w:hAnsi="Consolas" w:cs="Courier New"/>
          <w:color w:val="A9B7C6"/>
          <w:sz w:val="20"/>
          <w:szCs w:val="20"/>
        </w:rPr>
        <w:t>render(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one page all urls</w:t>
      </w:r>
    </w:p>
    <w:p w14:paraId="47E5A977" w14:textId="126927DB" w:rsidR="003F46D4" w:rsidRDefault="003F46D4" w:rsidP="00787C96"/>
    <w:p w14:paraId="493D6655" w14:textId="4B1EB11E" w:rsidR="00222FFF" w:rsidRDefault="00581E78" w:rsidP="00787C96">
      <w:r>
        <w:t>s</w:t>
      </w:r>
      <w:r w:rsidR="00222FFF">
        <w:t>tatic files</w:t>
      </w:r>
      <w:r w:rsidR="003A759A">
        <w:t xml:space="preserve"> [images , css , javascripts]</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STATICFILES_DIR =[</w:t>
            </w:r>
            <w:r w:rsidRPr="00222FFF">
              <w:rPr>
                <w:rFonts w:ascii="Consolas" w:eastAsia="Times New Roman" w:hAnsi="Consolas" w:cs="Courier New"/>
                <w:color w:val="A9B7C6"/>
                <w:sz w:val="20"/>
                <w:szCs w:val="20"/>
              </w:rPr>
              <w:br/>
              <w:t xml:space="preserve">    os.path.join(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staticpages"</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STATIC_ROOT= os.path.join(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mystatic"</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12" w:name="_Toc66110023"/>
      <w:r w:rsidRPr="003E409B">
        <w:t>Code in Templates:</w:t>
      </w:r>
      <w:bookmarkEnd w:id="12"/>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lastRenderedPageBreak/>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r&gt;&lt;br&gt;&lt;br&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r&gt;&lt;br&gt;&lt;br&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lower}}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br&gt;&lt;br&gt;&lt;br&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escape|linebreak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13" w:name="_Toc66110024"/>
      <w:r>
        <w:t>Firstof</w:t>
      </w:r>
      <w:bookmarkEnd w:id="13"/>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br/>
              <w:t>{% if var1 %}</w:t>
            </w:r>
            <w:r>
              <w:rPr>
                <w:rFonts w:ascii="Consolas" w:hAnsi="Consolas"/>
                <w:color w:val="A9B7C6"/>
              </w:rPr>
              <w:br/>
              <w:t xml:space="preserve">    {{ var1 }}</w:t>
            </w:r>
            <w:r>
              <w:rPr>
                <w:rFonts w:ascii="Consolas" w:hAnsi="Consolas"/>
                <w:color w:val="A9B7C6"/>
              </w:rPr>
              <w:br/>
              <w:t>{% elif var2 %}</w:t>
            </w:r>
            <w:r>
              <w:rPr>
                <w:rFonts w:ascii="Consolas" w:hAnsi="Consolas"/>
                <w:color w:val="A9B7C6"/>
              </w:rPr>
              <w:br/>
              <w:t xml:space="preserve">    {{ var2 }}</w:t>
            </w:r>
            <w:r>
              <w:rPr>
                <w:rFonts w:ascii="Consolas" w:hAnsi="Consolas"/>
                <w:color w:val="A9B7C6"/>
              </w:rPr>
              <w:br/>
              <w:t>{% elif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firstof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firstof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lastRenderedPageBreak/>
              <w:br/>
            </w:r>
            <w:r>
              <w:rPr>
                <w:rFonts w:ascii="Consolas" w:hAnsi="Consolas"/>
                <w:color w:val="A9B7C6"/>
              </w:rPr>
              <w:br/>
              <w:t>{% if messages|length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4" w:name="_Toc66110025"/>
      <w:r>
        <w:t>If statement</w:t>
      </w:r>
      <w:bookmarkEnd w:id="14"/>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The {% if %} tag evaluates a variable, and if that variable is “true” (i.e. exists, is not empty, and is not a false boolean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2DC456B3" w14:textId="77777777" w:rsidR="00485C6E" w:rsidRPr="00485C6E" w:rsidRDefault="00485C6E" w:rsidP="00485C6E">
            <w:pPr>
              <w:pStyle w:val="HTMLPreformatted"/>
              <w:shd w:val="clear" w:color="auto" w:fill="2B2B2B"/>
              <w:rPr>
                <w:rFonts w:ascii="Consolas" w:hAnsi="Consolas"/>
                <w:color w:val="A9B7C6"/>
              </w:rPr>
            </w:pPr>
          </w:p>
          <w:p w14:paraId="603ED88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se in html:</w:t>
            </w:r>
          </w:p>
          <w:p w14:paraId="6604D801"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62DF83F7"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data  %}</w:t>
            </w:r>
          </w:p>
          <w:p w14:paraId="33D6804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exists</w:t>
            </w:r>
          </w:p>
          <w:p w14:paraId="47034289"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631C6473"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doesnot exists</w:t>
            </w:r>
          </w:p>
          <w:p w14:paraId="53467215"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50937575" w14:textId="77777777" w:rsidR="00485C6E" w:rsidRPr="00485C6E" w:rsidRDefault="00485C6E" w:rsidP="00485C6E">
            <w:pPr>
              <w:pStyle w:val="HTMLPreformatted"/>
              <w:shd w:val="clear" w:color="auto" w:fill="2B2B2B"/>
              <w:rPr>
                <w:rFonts w:ascii="Consolas" w:hAnsi="Consolas"/>
                <w:color w:val="A9B7C6"/>
              </w:rPr>
            </w:pPr>
          </w:p>
          <w:p w14:paraId="440DDD93" w14:textId="77777777" w:rsidR="00485C6E" w:rsidRPr="00485C6E" w:rsidRDefault="00485C6E" w:rsidP="00485C6E">
            <w:pPr>
              <w:pStyle w:val="HTMLPreformatted"/>
              <w:shd w:val="clear" w:color="auto" w:fill="2B2B2B"/>
              <w:rPr>
                <w:rFonts w:ascii="Consolas" w:hAnsi="Consolas"/>
                <w:color w:val="A9B7C6"/>
              </w:rPr>
            </w:pPr>
          </w:p>
          <w:p w14:paraId="62FA2299" w14:textId="2F523E3D" w:rsidR="00485C6E" w:rsidRDefault="00485C6E" w:rsidP="00485C6E">
            <w:pPr>
              <w:pStyle w:val="HTMLPreformatted"/>
              <w:shd w:val="clear" w:color="auto" w:fill="2B2B2B"/>
              <w:rPr>
                <w:rFonts w:ascii="Consolas" w:hAnsi="Consolas"/>
                <w:color w:val="A9B7C6"/>
              </w:rPr>
            </w:pPr>
          </w:p>
          <w:p w14:paraId="012A698E" w14:textId="53201353" w:rsidR="003219C1" w:rsidRDefault="003219C1" w:rsidP="00485C6E">
            <w:pPr>
              <w:pStyle w:val="HTMLPreformatted"/>
              <w:shd w:val="clear" w:color="auto" w:fill="2B2B2B"/>
              <w:rPr>
                <w:rFonts w:ascii="Consolas" w:hAnsi="Consolas"/>
                <w:color w:val="A9B7C6"/>
              </w:rPr>
            </w:pPr>
          </w:p>
          <w:p w14:paraId="10922D79" w14:textId="52E7437D" w:rsidR="003219C1" w:rsidRDefault="003219C1" w:rsidP="00485C6E">
            <w:pPr>
              <w:pStyle w:val="HTMLPreformatted"/>
              <w:shd w:val="clear" w:color="auto" w:fill="2B2B2B"/>
              <w:rPr>
                <w:rFonts w:ascii="Consolas" w:hAnsi="Consolas"/>
                <w:color w:val="A9B7C6"/>
              </w:rPr>
            </w:pPr>
          </w:p>
          <w:p w14:paraId="0D14E5A9" w14:textId="75BB304D" w:rsidR="003219C1" w:rsidRDefault="003219C1" w:rsidP="00485C6E">
            <w:pPr>
              <w:pStyle w:val="HTMLPreformatted"/>
              <w:shd w:val="clear" w:color="auto" w:fill="2B2B2B"/>
              <w:rPr>
                <w:rFonts w:ascii="Consolas" w:hAnsi="Consolas"/>
                <w:color w:val="A9B7C6"/>
              </w:rPr>
            </w:pPr>
          </w:p>
          <w:p w14:paraId="2938E4BF" w14:textId="06AC4716" w:rsidR="003219C1" w:rsidRDefault="003219C1" w:rsidP="00485C6E">
            <w:pPr>
              <w:pStyle w:val="HTMLPreformatted"/>
              <w:shd w:val="clear" w:color="auto" w:fill="2B2B2B"/>
              <w:rPr>
                <w:rFonts w:ascii="Consolas" w:hAnsi="Consolas"/>
                <w:color w:val="A9B7C6"/>
              </w:rPr>
            </w:pPr>
          </w:p>
          <w:p w14:paraId="1A2FC659" w14:textId="77777777" w:rsidR="003219C1" w:rsidRPr="00485C6E" w:rsidRDefault="003219C1" w:rsidP="00485C6E">
            <w:pPr>
              <w:pStyle w:val="HTMLPreformatted"/>
              <w:shd w:val="clear" w:color="auto" w:fill="2B2B2B"/>
              <w:rPr>
                <w:rFonts w:ascii="Consolas" w:hAnsi="Consolas"/>
                <w:color w:val="A9B7C6"/>
              </w:rPr>
            </w:pPr>
          </w:p>
          <w:p w14:paraId="310E2B63" w14:textId="77777777" w:rsidR="00485C6E" w:rsidRPr="00485C6E" w:rsidRDefault="00485C6E" w:rsidP="00485C6E">
            <w:pPr>
              <w:pStyle w:val="HTMLPreformatted"/>
              <w:shd w:val="clear" w:color="auto" w:fill="2B2B2B"/>
              <w:rPr>
                <w:rFonts w:ascii="Consolas" w:hAnsi="Consolas"/>
                <w:color w:val="A9B7C6"/>
              </w:rPr>
            </w:pPr>
          </w:p>
          <w:p w14:paraId="07A34CB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if in html:</w:t>
            </w:r>
          </w:p>
          <w:p w14:paraId="1EC28A2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2839EDAE"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user %}</w:t>
            </w:r>
          </w:p>
          <w:p w14:paraId="515FEFF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processing user</w:t>
            </w:r>
          </w:p>
          <w:p w14:paraId="6884F88B"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if customer  %}</w:t>
            </w:r>
          </w:p>
          <w:p w14:paraId="503FE05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processing customer  </w:t>
            </w:r>
          </w:p>
          <w:p w14:paraId="3D8E160A"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0EF04C7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Nothing to process.</w:t>
            </w:r>
          </w:p>
          <w:p w14:paraId="33B201A4"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if athlete_list %}</w:t>
            </w:r>
            <w:r>
              <w:rPr>
                <w:rFonts w:ascii="Consolas" w:hAnsi="Consolas"/>
                <w:color w:val="A9B7C6"/>
              </w:rPr>
              <w:br/>
              <w:t xml:space="preserve">    Number of athletes: {{ athlete_list|length }}</w:t>
            </w:r>
            <w:r>
              <w:rPr>
                <w:rFonts w:ascii="Consolas" w:hAnsi="Consolas"/>
                <w:color w:val="A9B7C6"/>
              </w:rPr>
              <w:br/>
              <w:t>{% elif athlete_in_locker_room_list %}</w:t>
            </w:r>
            <w:r>
              <w:rPr>
                <w:rFonts w:ascii="Consolas" w:hAnsi="Consolas"/>
                <w:color w:val="A9B7C6"/>
              </w:rPr>
              <w:br/>
              <w:t xml:space="preserve">    Athletes should be out of the locker room soon!</w:t>
            </w:r>
            <w:r>
              <w:rPr>
                <w:rFonts w:ascii="Consolas" w:hAnsi="Consolas"/>
                <w:color w:val="A9B7C6"/>
              </w:rPr>
              <w:br/>
            </w:r>
            <w:r>
              <w:rPr>
                <w:rFonts w:ascii="Consolas" w:hAnsi="Consolas"/>
                <w:color w:val="A9B7C6"/>
              </w:rPr>
              <w:lastRenderedPageBreak/>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Find list length = {{ athlete_list|length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if athlete_list and coach_list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if not athlete_list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br/>
              <w:t>{% if athlete_list or coach_list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if not athlete_list or coach_list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if athlete_list and not coach_list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5" w:name="_Toc66110026"/>
      <w:r>
        <w:t>Conditions</w:t>
      </w:r>
      <w:bookmarkEnd w:id="15"/>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 "x" %}</w:t>
            </w:r>
            <w:r>
              <w:rPr>
                <w:rFonts w:ascii="Consolas" w:hAnsi="Consolas"/>
                <w:color w:val="A9B7C6"/>
              </w:rPr>
              <w:br/>
              <w:t xml:space="preserve">  This appears if variable somevar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 "x" %}</w:t>
            </w:r>
            <w:r>
              <w:rPr>
                <w:rFonts w:ascii="Consolas" w:hAnsi="Consolas"/>
                <w:color w:val="A9B7C6"/>
              </w:rPr>
              <w:br/>
              <w:t xml:space="preserve">  This appears if variable somevar does not equal the string "x",</w:t>
            </w:r>
            <w:r>
              <w:rPr>
                <w:rFonts w:ascii="Consolas" w:hAnsi="Consolas"/>
                <w:color w:val="A9B7C6"/>
              </w:rPr>
              <w:br/>
              <w:t xml:space="preserve">  or if somevar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lastRenderedPageBreak/>
              <w:br/>
              <w:t>{% if somevar &lt; 100 %}</w:t>
            </w:r>
            <w:r>
              <w:rPr>
                <w:rFonts w:ascii="Consolas" w:hAnsi="Consolas"/>
                <w:color w:val="A9B7C6"/>
              </w:rPr>
              <w:br/>
              <w:t xml:space="preserve">  This appears if variable somevar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gt; 0 %}</w:t>
            </w:r>
            <w:r>
              <w:rPr>
                <w:rFonts w:ascii="Consolas" w:hAnsi="Consolas"/>
                <w:color w:val="A9B7C6"/>
              </w:rPr>
              <w:br/>
              <w:t xml:space="preserve">  This appears if variable somevar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lt;= 100 %}</w:t>
            </w:r>
            <w:r>
              <w:rPr>
                <w:rFonts w:ascii="Consolas" w:hAnsi="Consolas"/>
                <w:color w:val="A9B7C6"/>
              </w:rPr>
              <w:br/>
              <w:t xml:space="preserve">  This appears if variable somevar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somevar &gt;= 1 %}</w:t>
            </w:r>
            <w:r>
              <w:rPr>
                <w:rFonts w:ascii="Consolas" w:hAnsi="Consolas"/>
                <w:color w:val="A9B7C6"/>
              </w:rPr>
              <w:br/>
              <w:t xml:space="preserve">  This appears if variable somevar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bc" in "abcdef" %}</w:t>
            </w:r>
            <w:r>
              <w:rPr>
                <w:rFonts w:ascii="Consolas" w:hAnsi="Consolas"/>
                <w:color w:val="A9B7C6"/>
              </w:rPr>
              <w:br/>
              <w:t xml:space="preserve">  This appears since "bc" is a substring of "abcdef"</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QuerySet, this will appear if user is an</w:t>
            </w:r>
            <w:r>
              <w:rPr>
                <w:rFonts w:ascii="Consolas" w:hAnsi="Consolas"/>
                <w:color w:val="A9B7C6"/>
              </w:rPr>
              <w:br/>
              <w:t xml:space="preserve">  instance that belongs to the QuerySe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if somevar is True %}</w:t>
            </w:r>
            <w:r>
              <w:rPr>
                <w:rFonts w:ascii="Consolas" w:hAnsi="Consolas"/>
                <w:color w:val="A9B7C6"/>
              </w:rPr>
              <w:br/>
              <w:t xml:space="preserve">  This appears if and only if somevar is True.</w:t>
            </w:r>
            <w:r>
              <w:rPr>
                <w:rFonts w:ascii="Consolas" w:hAnsi="Consolas"/>
                <w:color w:val="A9B7C6"/>
              </w:rPr>
              <w:br/>
              <w:t>{% endif %}</w:t>
            </w:r>
            <w:r>
              <w:rPr>
                <w:rFonts w:ascii="Consolas" w:hAnsi="Consolas"/>
                <w:color w:val="A9B7C6"/>
              </w:rPr>
              <w:br/>
            </w:r>
            <w:r>
              <w:rPr>
                <w:rFonts w:ascii="Consolas" w:hAnsi="Consolas"/>
                <w:color w:val="A9B7C6"/>
              </w:rPr>
              <w:br/>
              <w:t>{% if somevar is None %}</w:t>
            </w:r>
            <w:r>
              <w:rPr>
                <w:rFonts w:ascii="Consolas" w:hAnsi="Consolas"/>
                <w:color w:val="A9B7C6"/>
              </w:rPr>
              <w:br/>
              <w:t xml:space="preserve">  This appears if somevar is None, or if somevar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jS F Y H:i" %}</w:t>
            </w:r>
            <w:r>
              <w:rPr>
                <w:rFonts w:ascii="Consolas" w:hAnsi="Consolas"/>
                <w:color w:val="A9B7C6"/>
              </w:rPr>
              <w:br/>
              <w:t>It is the {% now "jS \o\f F"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6" w:name="_Toc66110027"/>
      <w:r>
        <w:lastRenderedPageBreak/>
        <w:t>For loop</w:t>
      </w:r>
      <w:bookmarkEnd w:id="16"/>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for athlete in athlete_list %}</w:t>
            </w:r>
            <w:r>
              <w:rPr>
                <w:rFonts w:ascii="Consolas" w:hAnsi="Consolas"/>
                <w:color w:val="A9B7C6"/>
              </w:rPr>
              <w:br/>
              <w:t xml:space="preserve">    </w:t>
            </w:r>
            <w:r>
              <w:rPr>
                <w:rFonts w:ascii="Consolas" w:hAnsi="Consolas"/>
                <w:color w:val="E8BF6A"/>
              </w:rPr>
              <w:t>&lt;li&gt;</w:t>
            </w:r>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endfor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t>forloop.counter    The current iteration of the loop (1-indexed)</w:t>
            </w:r>
            <w:r>
              <w:rPr>
                <w:rFonts w:ascii="Consolas" w:hAnsi="Consolas"/>
                <w:color w:val="A9B7C6"/>
              </w:rPr>
              <w:br/>
              <w:t>forloop.counter0   The current iteration of the loop (0-indexed)</w:t>
            </w:r>
            <w:r>
              <w:rPr>
                <w:rFonts w:ascii="Consolas" w:hAnsi="Consolas"/>
                <w:color w:val="A9B7C6"/>
              </w:rPr>
              <w:br/>
              <w:t>forloop.revcounter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t>forloop.first  True if this is the first time through the loop</w:t>
            </w:r>
            <w:r>
              <w:rPr>
                <w:rFonts w:ascii="Consolas" w:hAnsi="Consolas"/>
                <w:color w:val="A9B7C6"/>
              </w:rPr>
              <w:br/>
              <w:t>forloop.last   True if this is the last time through the loop</w:t>
            </w:r>
            <w:r>
              <w:rPr>
                <w:rFonts w:ascii="Consolas" w:hAnsi="Consolas"/>
                <w:color w:val="A9B7C6"/>
              </w:rPr>
              <w:br/>
              <w:t>forloop.parentloop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7" w:name="_Toc66110028"/>
      <w:r>
        <w:t>Includes:</w:t>
      </w:r>
      <w:bookmarkEnd w:id="17"/>
    </w:p>
    <w:p w14:paraId="6E083979" w14:textId="42BE1051" w:rsidR="000E7D3C" w:rsidRDefault="000E7D3C" w:rsidP="00787C96">
      <w:r>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r>
              <w:rPr>
                <w:rFonts w:ascii="Consolas" w:hAnsi="Consolas"/>
                <w:color w:val="BABABA"/>
              </w:rPr>
              <w:t>lang</w:t>
            </w:r>
            <w:r>
              <w:rPr>
                <w:rFonts w:ascii="Consolas" w:hAnsi="Consolas"/>
                <w:color w:val="A5C261"/>
              </w:rPr>
              <w:t>="en"</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br/&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br/&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r>
        <w:rPr>
          <w:rFonts w:ascii="Consolas" w:hAnsi="Consolas"/>
          <w:color w:val="BABABA"/>
        </w:rPr>
        <w:t>lang</w:t>
      </w:r>
      <w:r>
        <w:rPr>
          <w:rFonts w:ascii="Consolas" w:hAnsi="Consolas"/>
          <w:color w:val="A5C261"/>
        </w:rPr>
        <w:t>="en"</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br/>
      </w:r>
      <w:r>
        <w:rPr>
          <w:rFonts w:ascii="Consolas" w:hAnsi="Consolas"/>
          <w:color w:val="E8BF6A"/>
        </w:rPr>
        <w:t>&lt;br/&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bookmarkStart w:id="18" w:name="_Toc66110029"/>
      <w:r>
        <w:t>Model class</w:t>
      </w:r>
      <w:bookmarkEnd w:id="18"/>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r>
              <w:rPr>
                <w:rFonts w:ascii="Arial" w:hAnsi="Arial" w:cs="Arial"/>
                <w:shd w:val="clear" w:color="auto" w:fill="FFFFFF"/>
              </w:rPr>
              <w:t>ImageField is a </w:t>
            </w:r>
            <w:hyperlink r:id="rId9" w:tgtFrame="_blank" w:history="1">
              <w:r>
                <w:rPr>
                  <w:rStyle w:val="Hyperlink"/>
                  <w:rFonts w:ascii="Arial" w:hAnsi="Arial" w:cs="Arial"/>
                  <w:color w:val="EC4E20"/>
                  <w:bdr w:val="none" w:sz="0" w:space="0" w:color="auto" w:frame="1"/>
                  <w:shd w:val="clear" w:color="auto" w:fill="FFFFFF"/>
                </w:rPr>
                <w:t>FileField</w:t>
              </w:r>
            </w:hyperlink>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hyperlink r:id="rId10" w:anchor="django.forms.ClearableFileInput" w:tgtFrame="_blank" w:history="1">
              <w:r>
                <w:rPr>
                  <w:rStyle w:val="Hyperlink"/>
                  <w:rFonts w:ascii="Arial" w:hAnsi="Arial" w:cs="Arial"/>
                  <w:color w:val="EC4E20"/>
                  <w:bdr w:val="none" w:sz="0" w:space="0" w:color="auto" w:frame="1"/>
                  <w:shd w:val="clear" w:color="auto" w:fill="FFFFFF"/>
                </w:rPr>
                <w:t>ClearableFileInput</w:t>
              </w:r>
            </w:hyperlink>
            <w:r>
              <w:rPr>
                <w:rFonts w:ascii="Arial" w:hAnsi="Arial" w:cs="Arial"/>
                <w:shd w:val="clear" w:color="auto" w:fill="FFFFFF"/>
              </w:rPr>
              <w:t>. In addition to the special attributes that are available for FileField, an ImageField also has height and width attributes.</w:t>
            </w:r>
            <w:r>
              <w:rPr>
                <w:rFonts w:ascii="Arial" w:hAnsi="Arial" w:cs="Arial"/>
              </w:rPr>
              <w:br/>
            </w:r>
            <w:r>
              <w:rPr>
                <w:rFonts w:ascii="Arial" w:hAnsi="Arial" w:cs="Arial"/>
                <w:shd w:val="clear" w:color="auto" w:fill="FFFFFF"/>
              </w:rPr>
              <w:t>ImageField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r w:rsidRPr="00542FA9">
              <w:rPr>
                <w:rFonts w:ascii="Courier New" w:eastAsia="Times New Roman" w:hAnsi="Courier New" w:cs="Courier New"/>
                <w:sz w:val="20"/>
                <w:szCs w:val="20"/>
              </w:rPr>
              <w:t xml:space="preserve">GeeksModel(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geeks_field =</w:t>
            </w:r>
            <w:r w:rsidRPr="00542FA9">
              <w:rPr>
                <w:rFonts w:ascii="Consolas" w:eastAsia="Times New Roman" w:hAnsi="Consolas" w:cs="Times New Roman"/>
                <w:sz w:val="24"/>
                <w:szCs w:val="24"/>
              </w:rPr>
              <w:t xml:space="preserve"> </w:t>
            </w:r>
            <w:r w:rsidRPr="00542FA9">
              <w:rPr>
                <w:rFonts w:ascii="Courier New" w:eastAsia="Times New Roman" w:hAnsi="Courier New" w:cs="Courier New"/>
                <w:sz w:val="20"/>
                <w:szCs w:val="20"/>
              </w:rPr>
              <w:t xml:space="preserve">models.ImageField()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r w:rsidRPr="00CE3EFE">
              <w:rPr>
                <w:rFonts w:ascii="Consolas" w:eastAsia="Times New Roman" w:hAnsi="Consolas" w:cs="Courier New"/>
                <w:color w:val="A9B7C6"/>
                <w:sz w:val="20"/>
                <w:szCs w:val="20"/>
              </w:rPr>
              <w:t xml:space="preserve">django.db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lastRenderedPageBreak/>
              <w:t xml:space="preserve">class </w:t>
            </w:r>
            <w:r w:rsidRPr="00CE3EFE">
              <w:rPr>
                <w:rFonts w:ascii="Consolas" w:eastAsia="Times New Roman" w:hAnsi="Consolas" w:cs="Courier New"/>
                <w:color w:val="A9B7C6"/>
                <w:sz w:val="20"/>
                <w:szCs w:val="20"/>
              </w:rPr>
              <w:t>Person(models.Model):</w:t>
            </w:r>
            <w:r w:rsidRPr="00CE3EFE">
              <w:rPr>
                <w:rFonts w:ascii="Consolas" w:eastAsia="Times New Roman" w:hAnsi="Consolas" w:cs="Courier New"/>
                <w:color w:val="A9B7C6"/>
                <w:sz w:val="20"/>
                <w:szCs w:val="20"/>
              </w:rPr>
              <w:br/>
              <w:t xml:space="preserve">    firstName = models.CharField(</w:t>
            </w:r>
            <w:r w:rsidRPr="00CE3EFE">
              <w:rPr>
                <w:rFonts w:ascii="Consolas" w:eastAsia="Times New Roman" w:hAnsi="Consolas" w:cs="Courier New"/>
                <w:color w:val="AA4926"/>
                <w:sz w:val="20"/>
                <w:szCs w:val="20"/>
              </w:rPr>
              <w:t>max_length</w:t>
            </w:r>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lastName = models.CharField(</w:t>
            </w:r>
            <w:r w:rsidRPr="00CE3EFE">
              <w:rPr>
                <w:rFonts w:ascii="Consolas" w:eastAsia="Times New Roman" w:hAnsi="Consolas" w:cs="Courier New"/>
                <w:color w:val="AA4926"/>
                <w:sz w:val="20"/>
                <w:szCs w:val="20"/>
              </w:rPr>
              <w:t>max_length</w:t>
            </w:r>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models.IntegerField</w:t>
            </w:r>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in  </w:t>
            </w:r>
            <w:r w:rsidRPr="008B776C">
              <w:rPr>
                <w:rFonts w:ascii="Consolas" w:eastAsia="Times New Roman" w:hAnsi="Consolas" w:cs="Courier New"/>
                <w:b/>
                <w:color w:val="A9B7C6"/>
                <w:sz w:val="20"/>
                <w:szCs w:val="20"/>
                <w:u w:val="single"/>
              </w:rPr>
              <w:t>admin.py:</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django.contrib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django.contrib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t>admin.site.register(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7D058647" w:rsidR="00301736" w:rsidRPr="009B1A9B" w:rsidRDefault="00301736" w:rsidP="00301736">
            <w:pPr>
              <w:rPr>
                <w:b/>
              </w:rPr>
            </w:pPr>
            <w:r w:rsidRPr="009B1A9B">
              <w:rPr>
                <w:b/>
              </w:rPr>
              <w:t>(test) C:\Users\i335484\myprojects\myProject&gt;</w:t>
            </w:r>
            <w:r w:rsidR="009A27A9" w:rsidRPr="00626F28">
              <w:rPr>
                <w:b/>
              </w:rPr>
              <w:t xml:space="preserve"> </w:t>
            </w:r>
            <w:r w:rsidR="009A27A9" w:rsidRPr="00626F28">
              <w:rPr>
                <w:b/>
              </w:rPr>
              <w:t>py</w:t>
            </w:r>
            <w:r w:rsidR="009A27A9">
              <w:rPr>
                <w:b/>
              </w:rPr>
              <w:t>thon</w:t>
            </w:r>
            <w:r w:rsidR="009A27A9" w:rsidRPr="00626F28">
              <w:rPr>
                <w:b/>
              </w:rPr>
              <w:t xml:space="preserve"> </w:t>
            </w:r>
            <w:r w:rsidRPr="009B1A9B">
              <w:rPr>
                <w:b/>
              </w:rPr>
              <w:t>manage.py makemigrations</w:t>
            </w:r>
          </w:p>
          <w:p w14:paraId="4044B473" w14:textId="77777777" w:rsidR="00301736" w:rsidRDefault="00301736" w:rsidP="00301736">
            <w:r>
              <w:t>Migrations for 'login':</w:t>
            </w:r>
          </w:p>
          <w:p w14:paraId="26CB7400" w14:textId="77777777" w:rsidR="00301736" w:rsidRDefault="00301736" w:rsidP="00301736">
            <w:r>
              <w:t xml:space="preserve">  login\migrations\0001_initial.py</w:t>
            </w:r>
          </w:p>
          <w:p w14:paraId="3FBECF4F" w14:textId="6A04F7DE" w:rsidR="00301736" w:rsidRDefault="00301736" w:rsidP="00301736">
            <w:r>
              <w:t xml:space="preserve">    - Create model Person</w:t>
            </w:r>
          </w:p>
          <w:p w14:paraId="5BA5F0CA" w14:textId="60C1CC81" w:rsidR="00715C29" w:rsidRDefault="00715C29" w:rsidP="00715C29">
            <w:pPr>
              <w:rPr>
                <w:b/>
              </w:rPr>
            </w:pPr>
            <w:r w:rsidRPr="00715C29">
              <w:rPr>
                <w:b/>
              </w:rPr>
              <w:t>this will create the migration related script under migrations folder</w:t>
            </w:r>
          </w:p>
          <w:p w14:paraId="795E7C7E" w14:textId="77777777" w:rsidR="00301736" w:rsidRDefault="00301736" w:rsidP="00417259">
            <w:pPr>
              <w:rPr>
                <w:b/>
              </w:rPr>
            </w:pPr>
          </w:p>
          <w:p w14:paraId="62C59FAF" w14:textId="132CBBE1" w:rsidR="00417259" w:rsidRPr="00626F28" w:rsidRDefault="00417259" w:rsidP="00417259">
            <w:pPr>
              <w:rPr>
                <w:b/>
              </w:rPr>
            </w:pPr>
            <w:r w:rsidRPr="00626F28">
              <w:rPr>
                <w:b/>
              </w:rPr>
              <w:t>(test) C:\Users\i335484\myprojects\myProject&gt;py</w:t>
            </w:r>
            <w:r w:rsidR="0075050C">
              <w:rPr>
                <w:b/>
              </w:rPr>
              <w:t>thon</w:t>
            </w:r>
            <w:r w:rsidRPr="00626F28">
              <w:rPr>
                <w:b/>
              </w:rPr>
              <w:t xml:space="preserve"> manage.py sqlmigrat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login_person" ("id" integer NOT NULL PRIMARY KEY AUTOINCREMENT, "firstName" varchar(30) NOT NULL, "lastName"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test) C:\Users\i335484\myprojects\myProject&gt;py manage.py sqlmigrat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login_person" ("id" integer NOT NULL PRIMARY KEY AUTOINCREMENT, "age" integer NOT NULL, "firstName" varchar(30) NOT NULL, "lastName" varchar(30) NOT NULL);</w:t>
            </w:r>
          </w:p>
          <w:p w14:paraId="6DAB162E" w14:textId="77777777" w:rsidR="00417259" w:rsidRDefault="00417259" w:rsidP="00417259">
            <w:r>
              <w:t>INSERT INTO "new__login_person" ("id", "firstName", "lastName", "age") SELECT "id", "firstName", "lastName", -1 FROM "login_person";</w:t>
            </w:r>
          </w:p>
          <w:p w14:paraId="577ED859" w14:textId="77777777" w:rsidR="00417259" w:rsidRDefault="00417259" w:rsidP="00417259">
            <w:r>
              <w:t>DROP TABLE "login_person";</w:t>
            </w:r>
          </w:p>
          <w:p w14:paraId="383EAF11" w14:textId="77777777" w:rsidR="00417259" w:rsidRDefault="00417259" w:rsidP="00417259">
            <w:r>
              <w:t>ALTER TABLE "new__login_person" RENAME TO "login_person";</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contenttypes,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2FC7E0C2" w14:textId="77777777" w:rsidR="00B0277F" w:rsidRDefault="00B0277F" w:rsidP="00C02C54">
      <w:pPr>
        <w:spacing w:after="0" w:line="240" w:lineRule="auto"/>
      </w:pPr>
      <w:r>
        <w:separator/>
      </w:r>
    </w:p>
  </w:endnote>
  <w:endnote w:type="continuationSeparator" w:id="0">
    <w:p w14:paraId="6210061F" w14:textId="77777777" w:rsidR="00B0277F" w:rsidRDefault="00B0277F"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69FF4F2F" w14:textId="77777777" w:rsidR="00B0277F" w:rsidRDefault="00B0277F" w:rsidP="00C02C54">
      <w:pPr>
        <w:spacing w:after="0" w:line="240" w:lineRule="auto"/>
      </w:pPr>
      <w:r>
        <w:separator/>
      </w:r>
    </w:p>
  </w:footnote>
  <w:footnote w:type="continuationSeparator" w:id="0">
    <w:p w14:paraId="11D52676" w14:textId="77777777" w:rsidR="00B0277F" w:rsidRDefault="00B0277F"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0575F"/>
    <w:rsid w:val="00020D4A"/>
    <w:rsid w:val="00042C7E"/>
    <w:rsid w:val="00050FB2"/>
    <w:rsid w:val="0007612F"/>
    <w:rsid w:val="000A3C46"/>
    <w:rsid w:val="000B391F"/>
    <w:rsid w:val="000B5E61"/>
    <w:rsid w:val="000D4895"/>
    <w:rsid w:val="000E0DA1"/>
    <w:rsid w:val="000E45A2"/>
    <w:rsid w:val="000E7D3C"/>
    <w:rsid w:val="00142029"/>
    <w:rsid w:val="001475CC"/>
    <w:rsid w:val="00162448"/>
    <w:rsid w:val="00163D3F"/>
    <w:rsid w:val="00171814"/>
    <w:rsid w:val="00183E8C"/>
    <w:rsid w:val="00194D9B"/>
    <w:rsid w:val="00196DCC"/>
    <w:rsid w:val="001A1005"/>
    <w:rsid w:val="001A7D83"/>
    <w:rsid w:val="001B1E57"/>
    <w:rsid w:val="001B778B"/>
    <w:rsid w:val="001C6B6B"/>
    <w:rsid w:val="001D0A42"/>
    <w:rsid w:val="001D290B"/>
    <w:rsid w:val="001E07D2"/>
    <w:rsid w:val="001E260F"/>
    <w:rsid w:val="001E41A2"/>
    <w:rsid w:val="00215708"/>
    <w:rsid w:val="00222FFF"/>
    <w:rsid w:val="00225324"/>
    <w:rsid w:val="002361B3"/>
    <w:rsid w:val="00236E23"/>
    <w:rsid w:val="00237D39"/>
    <w:rsid w:val="00252E61"/>
    <w:rsid w:val="0026189B"/>
    <w:rsid w:val="00293192"/>
    <w:rsid w:val="002B64C4"/>
    <w:rsid w:val="002E787E"/>
    <w:rsid w:val="002F24AE"/>
    <w:rsid w:val="00301736"/>
    <w:rsid w:val="00305B99"/>
    <w:rsid w:val="00312213"/>
    <w:rsid w:val="003141AB"/>
    <w:rsid w:val="00317217"/>
    <w:rsid w:val="0032024A"/>
    <w:rsid w:val="003219C1"/>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204E2"/>
    <w:rsid w:val="00426B2A"/>
    <w:rsid w:val="00435C28"/>
    <w:rsid w:val="00444AAE"/>
    <w:rsid w:val="00450E3A"/>
    <w:rsid w:val="004648F7"/>
    <w:rsid w:val="0047765F"/>
    <w:rsid w:val="00485C6E"/>
    <w:rsid w:val="00487224"/>
    <w:rsid w:val="00494998"/>
    <w:rsid w:val="004A5FA6"/>
    <w:rsid w:val="004B2091"/>
    <w:rsid w:val="004B791B"/>
    <w:rsid w:val="004C500F"/>
    <w:rsid w:val="004E2F6D"/>
    <w:rsid w:val="004E6FE6"/>
    <w:rsid w:val="005009B5"/>
    <w:rsid w:val="00506423"/>
    <w:rsid w:val="00511C80"/>
    <w:rsid w:val="00513949"/>
    <w:rsid w:val="00517C8E"/>
    <w:rsid w:val="00527939"/>
    <w:rsid w:val="00542FA9"/>
    <w:rsid w:val="00557D33"/>
    <w:rsid w:val="0056035F"/>
    <w:rsid w:val="00576701"/>
    <w:rsid w:val="00581E78"/>
    <w:rsid w:val="00587BB4"/>
    <w:rsid w:val="005A566A"/>
    <w:rsid w:val="00622640"/>
    <w:rsid w:val="00626F28"/>
    <w:rsid w:val="006312B7"/>
    <w:rsid w:val="00656216"/>
    <w:rsid w:val="006609CF"/>
    <w:rsid w:val="00667E3B"/>
    <w:rsid w:val="006747BE"/>
    <w:rsid w:val="0067522A"/>
    <w:rsid w:val="00676B57"/>
    <w:rsid w:val="006772F2"/>
    <w:rsid w:val="00682D6E"/>
    <w:rsid w:val="006905D9"/>
    <w:rsid w:val="006B12C2"/>
    <w:rsid w:val="006E78D4"/>
    <w:rsid w:val="006F2201"/>
    <w:rsid w:val="006F4238"/>
    <w:rsid w:val="006F465D"/>
    <w:rsid w:val="00706FE2"/>
    <w:rsid w:val="00710E63"/>
    <w:rsid w:val="00715C29"/>
    <w:rsid w:val="007235A0"/>
    <w:rsid w:val="00727833"/>
    <w:rsid w:val="00741E9C"/>
    <w:rsid w:val="0075050C"/>
    <w:rsid w:val="007575CA"/>
    <w:rsid w:val="0077492F"/>
    <w:rsid w:val="007825B8"/>
    <w:rsid w:val="00783281"/>
    <w:rsid w:val="007868BC"/>
    <w:rsid w:val="00787C96"/>
    <w:rsid w:val="007C5E04"/>
    <w:rsid w:val="007D3C7B"/>
    <w:rsid w:val="007F12E8"/>
    <w:rsid w:val="007F192A"/>
    <w:rsid w:val="008014C5"/>
    <w:rsid w:val="008049B3"/>
    <w:rsid w:val="00831DD8"/>
    <w:rsid w:val="00832102"/>
    <w:rsid w:val="00840DB6"/>
    <w:rsid w:val="008432AC"/>
    <w:rsid w:val="008640EB"/>
    <w:rsid w:val="00884C33"/>
    <w:rsid w:val="00897E3D"/>
    <w:rsid w:val="008A3C3A"/>
    <w:rsid w:val="008B776C"/>
    <w:rsid w:val="008C60D0"/>
    <w:rsid w:val="008D6A4D"/>
    <w:rsid w:val="008F2E77"/>
    <w:rsid w:val="00900DA4"/>
    <w:rsid w:val="00903376"/>
    <w:rsid w:val="009070D8"/>
    <w:rsid w:val="00930129"/>
    <w:rsid w:val="00942C9D"/>
    <w:rsid w:val="009639D5"/>
    <w:rsid w:val="0098366B"/>
    <w:rsid w:val="00983FB3"/>
    <w:rsid w:val="00987253"/>
    <w:rsid w:val="00994C8C"/>
    <w:rsid w:val="009A27A9"/>
    <w:rsid w:val="009A554C"/>
    <w:rsid w:val="009A6399"/>
    <w:rsid w:val="009B1A9B"/>
    <w:rsid w:val="009E3FB2"/>
    <w:rsid w:val="00A03661"/>
    <w:rsid w:val="00A05461"/>
    <w:rsid w:val="00A13033"/>
    <w:rsid w:val="00A23998"/>
    <w:rsid w:val="00A31C34"/>
    <w:rsid w:val="00A325AF"/>
    <w:rsid w:val="00A50581"/>
    <w:rsid w:val="00A5307E"/>
    <w:rsid w:val="00AB6844"/>
    <w:rsid w:val="00AD76FF"/>
    <w:rsid w:val="00AE1952"/>
    <w:rsid w:val="00AE7668"/>
    <w:rsid w:val="00B0101B"/>
    <w:rsid w:val="00B0277F"/>
    <w:rsid w:val="00B11318"/>
    <w:rsid w:val="00B17FE3"/>
    <w:rsid w:val="00B21F5A"/>
    <w:rsid w:val="00B244D3"/>
    <w:rsid w:val="00B251E6"/>
    <w:rsid w:val="00B25A42"/>
    <w:rsid w:val="00B367CE"/>
    <w:rsid w:val="00B462EF"/>
    <w:rsid w:val="00B65154"/>
    <w:rsid w:val="00B72B6C"/>
    <w:rsid w:val="00B76B48"/>
    <w:rsid w:val="00BB008A"/>
    <w:rsid w:val="00BC3A76"/>
    <w:rsid w:val="00BD723D"/>
    <w:rsid w:val="00BE3264"/>
    <w:rsid w:val="00C01E55"/>
    <w:rsid w:val="00C02C54"/>
    <w:rsid w:val="00C16924"/>
    <w:rsid w:val="00C17AA4"/>
    <w:rsid w:val="00C271DD"/>
    <w:rsid w:val="00C349CA"/>
    <w:rsid w:val="00C51FBD"/>
    <w:rsid w:val="00C52CC0"/>
    <w:rsid w:val="00C653BC"/>
    <w:rsid w:val="00CE3EFE"/>
    <w:rsid w:val="00CE44C0"/>
    <w:rsid w:val="00CF2E0E"/>
    <w:rsid w:val="00CF4636"/>
    <w:rsid w:val="00D457C5"/>
    <w:rsid w:val="00D51337"/>
    <w:rsid w:val="00D75B56"/>
    <w:rsid w:val="00D8165F"/>
    <w:rsid w:val="00D8691E"/>
    <w:rsid w:val="00DB5EF2"/>
    <w:rsid w:val="00DC118F"/>
    <w:rsid w:val="00DC3BF5"/>
    <w:rsid w:val="00DF16DC"/>
    <w:rsid w:val="00E02215"/>
    <w:rsid w:val="00E07A21"/>
    <w:rsid w:val="00E11304"/>
    <w:rsid w:val="00E16DE1"/>
    <w:rsid w:val="00E37432"/>
    <w:rsid w:val="00E520A8"/>
    <w:rsid w:val="00E94768"/>
    <w:rsid w:val="00E95C77"/>
    <w:rsid w:val="00EA33F4"/>
    <w:rsid w:val="00EA4CCC"/>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5" Type="http://schemas.openxmlformats.org/officeDocument/2006/relationships/footnotes" Target="footnotes.xml"/><Relationship Id="rId10" Type="http://schemas.openxmlformats.org/officeDocument/2006/relationships/hyperlink" Target="https://docs.djangoproject.com/en/2.2/ref/forms/widgets/" TargetMode="External"/><Relationship Id="rId4" Type="http://schemas.openxmlformats.org/officeDocument/2006/relationships/webSettings" Target="webSettings.xml"/><Relationship Id="rId9" Type="http://schemas.openxmlformats.org/officeDocument/2006/relationships/hyperlink" Target="https://www.geeksforgeeks.org/filefield-django-models/"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338</TotalTime>
  <Pages>29</Pages>
  <Words>3113</Words>
  <Characters>17745</Characters>
  <Application>Microsoft Office Word</Application>
  <DocSecurity>0</DocSecurity>
  <Lines>147</Lines>
  <Paragraphs>41</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08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258</cp:revision>
  <dcterms:created xsi:type="dcterms:W3CDTF">2019-07-23T18:59:00Z</dcterms:created>
  <dcterms:modified xsi:type="dcterms:W3CDTF">2021-03-08T10:45:00Z</dcterms:modified>
</cp:coreProperties>
</file>